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Default Extension="fntdata" ContentType="application/x-fontdata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changesInfos/changesInfo1.xml" ContentType="application/vnd.ms-powerpoint.changesinfo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embedTrueTypeFonts="1">
  <p:sldMasterIdLst>
    <p:sldMasterId id="2147483662" r:id="rId8"/>
  </p:sldMasterIdLst>
  <p:notesMasterIdLst>
    <p:notesMasterId r:id="rId18"/>
  </p:notesMasterIdLst>
  <p:handoutMasterIdLst>
    <p:handoutMasterId r:id="rId19"/>
  </p:handoutMasterIdLst>
  <p:sldIdLst>
    <p:sldId id="260" r:id="rId9"/>
    <p:sldId id="283" r:id="rId10"/>
    <p:sldId id="281" r:id="rId11"/>
    <p:sldId id="261" r:id="rId12"/>
    <p:sldId id="266" r:id="rId13"/>
    <p:sldId id="264" r:id="rId14"/>
    <p:sldId id="276" r:id="rId15"/>
    <p:sldId id="285" r:id="rId16"/>
    <p:sldId id="265" r:id="rId17"/>
  </p:sldIdLst>
  <p:sldSz cx="12190413" cy="6858000"/>
  <p:notesSz cx="6797675" cy="9926638"/>
  <p:embeddedFontLst>
    <p:embeddedFont>
      <p:font typeface="Verdana" panose="020B0604030504040204" pitchFamily="34" charset="0"/>
      <p:regular r:id="rId20"/>
      <p:bold r:id="rId21"/>
      <p:italic r:id="rId22"/>
      <p:boldItalic r:id="rId23"/>
    </p:embeddedFont>
    <p:embeddedFont>
      <p:font typeface="Neo Sans Pro Black" panose="020B0A04030504040204" pitchFamily="34" charset="0"/>
      <p:bold r:id="rId24"/>
      <p:boldItalic r:id="rId25"/>
    </p:embeddedFont>
    <p:embeddedFont>
      <p:font typeface="Neo Sans Pro" panose="020B0504030504040204" pitchFamily="34" charset="0"/>
      <p:regular r:id="rId26"/>
      <p:bold r:id="rId27"/>
      <p:italic r:id="rId28"/>
      <p:boldItalic r:id="rId29"/>
    </p:embeddedFont>
    <p:embeddedFont>
      <p:font typeface="ＭＳ Ｐゴシック" panose="020B0600070205080204" pitchFamily="34" charset="-128"/>
      <p:regular r:id="rId30"/>
    </p:embeddedFont>
  </p:embeddedFontLst>
  <p:custDataLst>
    <p:tags r:id="rId3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ina Fog" initials="NF" lastIdx="1" clrIdx="0">
    <p:extLst>
      <p:ext uri="{19B8F6BF-5375-455C-9EA6-DF929625EA0E}">
        <p15:presenceInfo xmlns:p15="http://schemas.microsoft.com/office/powerpoint/2012/main" userId="S-1-5-21-4207196655-1284807994-987816898-89179" providerId="AD"/>
      </p:ext>
    </p:extLst>
  </p:cmAuthor>
  <p:cmAuthor id="2" name="Anne Seirup Nicolaisen" initials="ASN" lastIdx="6" clrIdx="1">
    <p:extLst>
      <p:ext uri="{19B8F6BF-5375-455C-9EA6-DF929625EA0E}">
        <p15:presenceInfo xmlns:p15="http://schemas.microsoft.com/office/powerpoint/2012/main" userId="S-1-5-21-4207196655-1284807994-987816898-101634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C7634"/>
    <a:srgbClr val="2F3EEA"/>
    <a:srgbClr val="FF6600"/>
    <a:srgbClr val="F6D04D"/>
    <a:srgbClr val="FFFFFF"/>
    <a:srgbClr val="171748"/>
    <a:srgbClr val="1FD082"/>
    <a:srgbClr val="990000"/>
    <a:srgbClr val="000000"/>
    <a:srgbClr val="FFCC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4518C4E-024D-4525-9014-B1F18A652941}" v="28" dt="2023-06-21T08:34:54.944"/>
  </p1510:revLst>
</p1510:revInfo>
</file>

<file path=ppt/tableStyles.xml><?xml version="1.0" encoding="utf-8"?>
<a:tblStyleLst xmlns:a="http://schemas.openxmlformats.org/drawingml/2006/main" def="{93296810-A885-4BE3-A3E7-6D5BEEA58F35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182" autoAdjust="0"/>
    <p:restoredTop sz="94826" autoAdjust="0"/>
  </p:normalViewPr>
  <p:slideViewPr>
    <p:cSldViewPr showGuides="1">
      <p:cViewPr varScale="1">
        <p:scale>
          <a:sx n="89" d="100"/>
          <a:sy n="89" d="100"/>
        </p:scale>
        <p:origin x="36" y="576"/>
      </p:cViewPr>
      <p:guideLst/>
    </p:cSldViewPr>
  </p:slideViewPr>
  <p:outlineViewPr>
    <p:cViewPr>
      <p:scale>
        <a:sx n="33" d="100"/>
        <a:sy n="33" d="100"/>
      </p:scale>
      <p:origin x="0" y="-2744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howGuides="1">
      <p:cViewPr varScale="1">
        <p:scale>
          <a:sx n="46" d="100"/>
          <a:sy n="46" d="100"/>
        </p:scale>
        <p:origin x="2736" y="36"/>
      </p:cViewPr>
      <p:guideLst/>
    </p:cSldViewPr>
  </p:notesViewPr>
  <p:gridSpacing cx="36004" cy="36004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notesMaster" Target="notesMasters/notesMaster1.xml"/><Relationship Id="rId26" Type="http://schemas.openxmlformats.org/officeDocument/2006/relationships/font" Target="fonts/font7.fntdata"/><Relationship Id="rId3" Type="http://schemas.openxmlformats.org/officeDocument/2006/relationships/customXml" Target="../customXml/item3.xml"/><Relationship Id="rId21" Type="http://schemas.openxmlformats.org/officeDocument/2006/relationships/font" Target="fonts/font2.fntdata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font" Target="fonts/font6.fntdata"/><Relationship Id="rId33" Type="http://schemas.openxmlformats.org/officeDocument/2006/relationships/presProps" Target="presProps.xml"/><Relationship Id="rId38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font" Target="fonts/font1.fntdata"/><Relationship Id="rId29" Type="http://schemas.openxmlformats.org/officeDocument/2006/relationships/font" Target="fonts/font10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font" Target="fonts/font5.fntdata"/><Relationship Id="rId32" Type="http://schemas.openxmlformats.org/officeDocument/2006/relationships/commentAuthors" Target="commentAuthors.xml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font" Target="fonts/font4.fntdata"/><Relationship Id="rId28" Type="http://schemas.openxmlformats.org/officeDocument/2006/relationships/font" Target="fonts/font9.fntdata"/><Relationship Id="rId36" Type="http://schemas.openxmlformats.org/officeDocument/2006/relationships/tableStyles" Target="tableStyles.xml"/><Relationship Id="rId10" Type="http://schemas.openxmlformats.org/officeDocument/2006/relationships/slide" Target="slides/slide2.xml"/><Relationship Id="rId19" Type="http://schemas.openxmlformats.org/officeDocument/2006/relationships/handoutMaster" Target="handoutMasters/handoutMaster1.xml"/><Relationship Id="rId3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font" Target="fonts/font3.fntdata"/><Relationship Id="rId27" Type="http://schemas.openxmlformats.org/officeDocument/2006/relationships/font" Target="fonts/font8.fntdata"/><Relationship Id="rId30" Type="http://schemas.openxmlformats.org/officeDocument/2006/relationships/font" Target="fonts/font11.fntdata"/><Relationship Id="rId35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asmus Vilrik Bruun" userId="8a4ebb7c-b326-4d7b-ad4a-8ae56c587107" providerId="ADAL" clId="{34518C4E-024D-4525-9014-B1F18A652941}"/>
    <pc:docChg chg="undo custSel modSld modMainMaster">
      <pc:chgData name="Rasmus Vilrik Bruun" userId="8a4ebb7c-b326-4d7b-ad4a-8ae56c587107" providerId="ADAL" clId="{34518C4E-024D-4525-9014-B1F18A652941}" dt="2023-06-21T08:36:52.971" v="258" actId="1076"/>
      <pc:docMkLst>
        <pc:docMk/>
      </pc:docMkLst>
      <pc:sldChg chg="modSp mod">
        <pc:chgData name="Rasmus Vilrik Bruun" userId="8a4ebb7c-b326-4d7b-ad4a-8ae56c587107" providerId="ADAL" clId="{34518C4E-024D-4525-9014-B1F18A652941}" dt="2023-06-21T08:36:52.971" v="258" actId="1076"/>
        <pc:sldMkLst>
          <pc:docMk/>
          <pc:sldMk cId="3047549571" sldId="261"/>
        </pc:sldMkLst>
        <pc:spChg chg="mod">
          <ac:chgData name="Rasmus Vilrik Bruun" userId="8a4ebb7c-b326-4d7b-ad4a-8ae56c587107" providerId="ADAL" clId="{34518C4E-024D-4525-9014-B1F18A652941}" dt="2023-06-21T08:36:52.971" v="258" actId="1076"/>
          <ac:spMkLst>
            <pc:docMk/>
            <pc:sldMk cId="3047549571" sldId="261"/>
            <ac:spMk id="15" creationId="{8941E779-148A-BD3F-92DC-7FDED9B54060}"/>
          </ac:spMkLst>
        </pc:spChg>
      </pc:sldChg>
      <pc:sldChg chg="modSp mod">
        <pc:chgData name="Rasmus Vilrik Bruun" userId="8a4ebb7c-b326-4d7b-ad4a-8ae56c587107" providerId="ADAL" clId="{34518C4E-024D-4525-9014-B1F18A652941}" dt="2023-06-21T08:34:54.944" v="243"/>
        <pc:sldMkLst>
          <pc:docMk/>
          <pc:sldMk cId="2162042198" sldId="265"/>
        </pc:sldMkLst>
        <pc:spChg chg="mod">
          <ac:chgData name="Rasmus Vilrik Bruun" userId="8a4ebb7c-b326-4d7b-ad4a-8ae56c587107" providerId="ADAL" clId="{34518C4E-024D-4525-9014-B1F18A652941}" dt="2023-06-21T08:31:12.116" v="213"/>
          <ac:spMkLst>
            <pc:docMk/>
            <pc:sldMk cId="2162042198" sldId="265"/>
            <ac:spMk id="2" creationId="{00000000-0000-0000-0000-000000000000}"/>
          </ac:spMkLst>
        </pc:spChg>
        <pc:spChg chg="mod">
          <ac:chgData name="Rasmus Vilrik Bruun" userId="8a4ebb7c-b326-4d7b-ad4a-8ae56c587107" providerId="ADAL" clId="{34518C4E-024D-4525-9014-B1F18A652941}" dt="2023-06-21T08:32:01.711" v="231" actId="1037"/>
          <ac:spMkLst>
            <pc:docMk/>
            <pc:sldMk cId="2162042198" sldId="265"/>
            <ac:spMk id="3" creationId="{00000000-0000-0000-0000-000000000000}"/>
          </ac:spMkLst>
        </pc:spChg>
        <pc:spChg chg="mod">
          <ac:chgData name="Rasmus Vilrik Bruun" userId="8a4ebb7c-b326-4d7b-ad4a-8ae56c587107" providerId="ADAL" clId="{34518C4E-024D-4525-9014-B1F18A652941}" dt="2023-06-21T08:34:39.504" v="242"/>
          <ac:spMkLst>
            <pc:docMk/>
            <pc:sldMk cId="2162042198" sldId="265"/>
            <ac:spMk id="8" creationId="{00000000-0000-0000-0000-000000000000}"/>
          </ac:spMkLst>
        </pc:spChg>
        <pc:spChg chg="mod">
          <ac:chgData name="Rasmus Vilrik Bruun" userId="8a4ebb7c-b326-4d7b-ad4a-8ae56c587107" providerId="ADAL" clId="{34518C4E-024D-4525-9014-B1F18A652941}" dt="2023-06-21T08:34:26.514" v="241"/>
          <ac:spMkLst>
            <pc:docMk/>
            <pc:sldMk cId="2162042198" sldId="265"/>
            <ac:spMk id="9" creationId="{00000000-0000-0000-0000-000000000000}"/>
          </ac:spMkLst>
        </pc:spChg>
        <pc:spChg chg="mod">
          <ac:chgData name="Rasmus Vilrik Bruun" userId="8a4ebb7c-b326-4d7b-ad4a-8ae56c587107" providerId="ADAL" clId="{34518C4E-024D-4525-9014-B1F18A652941}" dt="2023-06-21T08:32:31.387" v="232"/>
          <ac:spMkLst>
            <pc:docMk/>
            <pc:sldMk cId="2162042198" sldId="265"/>
            <ac:spMk id="10" creationId="{00000000-0000-0000-0000-000000000000}"/>
          </ac:spMkLst>
        </pc:spChg>
        <pc:spChg chg="mod">
          <ac:chgData name="Rasmus Vilrik Bruun" userId="8a4ebb7c-b326-4d7b-ad4a-8ae56c587107" providerId="ADAL" clId="{34518C4E-024D-4525-9014-B1F18A652941}" dt="2023-06-21T08:34:12.756" v="240" actId="20577"/>
          <ac:spMkLst>
            <pc:docMk/>
            <pc:sldMk cId="2162042198" sldId="265"/>
            <ac:spMk id="12" creationId="{00000000-0000-0000-0000-000000000000}"/>
          </ac:spMkLst>
        </pc:spChg>
        <pc:spChg chg="mod">
          <ac:chgData name="Rasmus Vilrik Bruun" userId="8a4ebb7c-b326-4d7b-ad4a-8ae56c587107" providerId="ADAL" clId="{34518C4E-024D-4525-9014-B1F18A652941}" dt="2023-06-21T08:34:54.944" v="243"/>
          <ac:spMkLst>
            <pc:docMk/>
            <pc:sldMk cId="2162042198" sldId="265"/>
            <ac:spMk id="13" creationId="{00000000-0000-0000-0000-000000000000}"/>
          </ac:spMkLst>
        </pc:spChg>
        <pc:spChg chg="mod">
          <ac:chgData name="Rasmus Vilrik Bruun" userId="8a4ebb7c-b326-4d7b-ad4a-8ae56c587107" providerId="ADAL" clId="{34518C4E-024D-4525-9014-B1F18A652941}" dt="2023-06-21T08:33:56.884" v="238"/>
          <ac:spMkLst>
            <pc:docMk/>
            <pc:sldMk cId="2162042198" sldId="265"/>
            <ac:spMk id="14" creationId="{00000000-0000-0000-0000-000000000000}"/>
          </ac:spMkLst>
        </pc:spChg>
        <pc:spChg chg="mod">
          <ac:chgData name="Rasmus Vilrik Bruun" userId="8a4ebb7c-b326-4d7b-ad4a-8ae56c587107" providerId="ADAL" clId="{34518C4E-024D-4525-9014-B1F18A652941}" dt="2023-06-21T08:32:55.504" v="233"/>
          <ac:spMkLst>
            <pc:docMk/>
            <pc:sldMk cId="2162042198" sldId="265"/>
            <ac:spMk id="15" creationId="{00000000-0000-0000-0000-000000000000}"/>
          </ac:spMkLst>
        </pc:spChg>
        <pc:spChg chg="mod">
          <ac:chgData name="Rasmus Vilrik Bruun" userId="8a4ebb7c-b326-4d7b-ad4a-8ae56c587107" providerId="ADAL" clId="{34518C4E-024D-4525-9014-B1F18A652941}" dt="2023-06-21T08:33:07.353" v="234"/>
          <ac:spMkLst>
            <pc:docMk/>
            <pc:sldMk cId="2162042198" sldId="265"/>
            <ac:spMk id="16" creationId="{00000000-0000-0000-0000-000000000000}"/>
          </ac:spMkLst>
        </pc:spChg>
        <pc:spChg chg="mod">
          <ac:chgData name="Rasmus Vilrik Bruun" userId="8a4ebb7c-b326-4d7b-ad4a-8ae56c587107" providerId="ADAL" clId="{34518C4E-024D-4525-9014-B1F18A652941}" dt="2023-06-21T08:33:43.486" v="237" actId="14100"/>
          <ac:spMkLst>
            <pc:docMk/>
            <pc:sldMk cId="2162042198" sldId="265"/>
            <ac:spMk id="17" creationId="{00000000-0000-0000-0000-000000000000}"/>
          </ac:spMkLst>
        </pc:spChg>
      </pc:sldChg>
      <pc:sldMasterChg chg="modSp mod modSldLayout">
        <pc:chgData name="Rasmus Vilrik Bruun" userId="8a4ebb7c-b326-4d7b-ad4a-8ae56c587107" providerId="ADAL" clId="{34518C4E-024D-4525-9014-B1F18A652941}" dt="2023-06-21T08:35:59.976" v="245" actId="20577"/>
        <pc:sldMasterMkLst>
          <pc:docMk/>
          <pc:sldMasterMk cId="2454702602" sldId="2147483662"/>
        </pc:sldMasterMkLst>
        <pc:spChg chg="mod">
          <ac:chgData name="Rasmus Vilrik Bruun" userId="8a4ebb7c-b326-4d7b-ad4a-8ae56c587107" providerId="ADAL" clId="{34518C4E-024D-4525-9014-B1F18A652941}" dt="2023-06-21T06:43:30.803" v="2" actId="20577"/>
          <ac:spMkLst>
            <pc:docMk/>
            <pc:sldMasterMk cId="2454702602" sldId="2147483662"/>
            <ac:spMk id="113676" creationId="{00000000-0000-0000-0000-000000000000}"/>
          </ac:spMkLst>
        </pc:spChg>
        <pc:sldLayoutChg chg="modSp">
          <pc:chgData name="Rasmus Vilrik Bruun" userId="8a4ebb7c-b326-4d7b-ad4a-8ae56c587107" providerId="ADAL" clId="{34518C4E-024D-4525-9014-B1F18A652941}" dt="2023-06-21T06:44:02.392" v="4" actId="1076"/>
          <pc:sldLayoutMkLst>
            <pc:docMk/>
            <pc:sldMasterMk cId="2454702602" sldId="2147483662"/>
            <pc:sldLayoutMk cId="3227214542" sldId="2147483663"/>
          </pc:sldLayoutMkLst>
          <pc:spChg chg="mod">
            <ac:chgData name="Rasmus Vilrik Bruun" userId="8a4ebb7c-b326-4d7b-ad4a-8ae56c587107" providerId="ADAL" clId="{34518C4E-024D-4525-9014-B1F18A652941}" dt="2023-06-21T06:44:02.392" v="4" actId="1076"/>
            <ac:spMkLst>
              <pc:docMk/>
              <pc:sldMasterMk cId="2454702602" sldId="2147483662"/>
              <pc:sldLayoutMk cId="3227214542" sldId="2147483663"/>
              <ac:spMk id="12" creationId="{88D4F65B-7B1E-4E1A-AD30-98C826D9001C}"/>
            </ac:spMkLst>
          </pc:spChg>
        </pc:sldLayoutChg>
        <pc:sldLayoutChg chg="modSp mod">
          <pc:chgData name="Rasmus Vilrik Bruun" userId="8a4ebb7c-b326-4d7b-ad4a-8ae56c587107" providerId="ADAL" clId="{34518C4E-024D-4525-9014-B1F18A652941}" dt="2023-06-21T06:55:28.270" v="40" actId="14100"/>
          <pc:sldLayoutMkLst>
            <pc:docMk/>
            <pc:sldMasterMk cId="2454702602" sldId="2147483662"/>
            <pc:sldLayoutMk cId="2593017196" sldId="2147483678"/>
          </pc:sldLayoutMkLst>
          <pc:spChg chg="mod">
            <ac:chgData name="Rasmus Vilrik Bruun" userId="8a4ebb7c-b326-4d7b-ad4a-8ae56c587107" providerId="ADAL" clId="{34518C4E-024D-4525-9014-B1F18A652941}" dt="2023-06-21T06:55:28.270" v="40" actId="14100"/>
            <ac:spMkLst>
              <pc:docMk/>
              <pc:sldMasterMk cId="2454702602" sldId="2147483662"/>
              <pc:sldLayoutMk cId="2593017196" sldId="2147483678"/>
              <ac:spMk id="7" creationId="{F3725169-DF85-89F1-8D83-B57D8D4A8463}"/>
            </ac:spMkLst>
          </pc:spChg>
          <pc:spChg chg="mod">
            <ac:chgData name="Rasmus Vilrik Bruun" userId="8a4ebb7c-b326-4d7b-ad4a-8ae56c587107" providerId="ADAL" clId="{34518C4E-024D-4525-9014-B1F18A652941}" dt="2023-06-21T06:53:55.760" v="33" actId="20577"/>
            <ac:spMkLst>
              <pc:docMk/>
              <pc:sldMasterMk cId="2454702602" sldId="2147483662"/>
              <pc:sldLayoutMk cId="2593017196" sldId="2147483678"/>
              <ac:spMk id="8" creationId="{0EC023B8-C7A1-2631-4128-B260FC1FDC0F}"/>
            </ac:spMkLst>
          </pc:spChg>
          <pc:spChg chg="mod">
            <ac:chgData name="Rasmus Vilrik Bruun" userId="8a4ebb7c-b326-4d7b-ad4a-8ae56c587107" providerId="ADAL" clId="{34518C4E-024D-4525-9014-B1F18A652941}" dt="2023-06-21T06:51:03.428" v="20" actId="20577"/>
            <ac:spMkLst>
              <pc:docMk/>
              <pc:sldMasterMk cId="2454702602" sldId="2147483662"/>
              <pc:sldLayoutMk cId="2593017196" sldId="2147483678"/>
              <ac:spMk id="9" creationId="{FFC8BB27-BD58-23BA-3FA5-E2013F7630F9}"/>
            </ac:spMkLst>
          </pc:spChg>
        </pc:sldLayoutChg>
        <pc:sldLayoutChg chg="modSp mod">
          <pc:chgData name="Rasmus Vilrik Bruun" userId="8a4ebb7c-b326-4d7b-ad4a-8ae56c587107" providerId="ADAL" clId="{34518C4E-024D-4525-9014-B1F18A652941}" dt="2023-06-21T08:12:13.896" v="60" actId="14100"/>
          <pc:sldLayoutMkLst>
            <pc:docMk/>
            <pc:sldMasterMk cId="2454702602" sldId="2147483662"/>
            <pc:sldLayoutMk cId="1921203463" sldId="2147483679"/>
          </pc:sldLayoutMkLst>
          <pc:spChg chg="mod">
            <ac:chgData name="Rasmus Vilrik Bruun" userId="8a4ebb7c-b326-4d7b-ad4a-8ae56c587107" providerId="ADAL" clId="{34518C4E-024D-4525-9014-B1F18A652941}" dt="2023-06-21T08:12:13.896" v="60" actId="14100"/>
            <ac:spMkLst>
              <pc:docMk/>
              <pc:sldMasterMk cId="2454702602" sldId="2147483662"/>
              <pc:sldLayoutMk cId="1921203463" sldId="2147483679"/>
              <ac:spMk id="8" creationId="{19045499-4E3C-848F-387E-5EED805C1079}"/>
            </ac:spMkLst>
          </pc:spChg>
          <pc:spChg chg="mod">
            <ac:chgData name="Rasmus Vilrik Bruun" userId="8a4ebb7c-b326-4d7b-ad4a-8ae56c587107" providerId="ADAL" clId="{34518C4E-024D-4525-9014-B1F18A652941}" dt="2023-06-21T06:55:57.060" v="43"/>
            <ac:spMkLst>
              <pc:docMk/>
              <pc:sldMasterMk cId="2454702602" sldId="2147483662"/>
              <pc:sldLayoutMk cId="1921203463" sldId="2147483679"/>
              <ac:spMk id="9" creationId="{9ED24D1E-BB7B-BBAD-AD13-7D54F0FC239F}"/>
            </ac:spMkLst>
          </pc:spChg>
          <pc:spChg chg="mod">
            <ac:chgData name="Rasmus Vilrik Bruun" userId="8a4ebb7c-b326-4d7b-ad4a-8ae56c587107" providerId="ADAL" clId="{34518C4E-024D-4525-9014-B1F18A652941}" dt="2023-06-21T08:11:01.321" v="57" actId="14100"/>
            <ac:spMkLst>
              <pc:docMk/>
              <pc:sldMasterMk cId="2454702602" sldId="2147483662"/>
              <pc:sldLayoutMk cId="1921203463" sldId="2147483679"/>
              <ac:spMk id="10" creationId="{751085D8-BB5A-B6D1-96F7-278C8E55EAED}"/>
            </ac:spMkLst>
          </pc:spChg>
        </pc:sldLayoutChg>
        <pc:sldLayoutChg chg="modSp mod">
          <pc:chgData name="Rasmus Vilrik Bruun" userId="8a4ebb7c-b326-4d7b-ad4a-8ae56c587107" providerId="ADAL" clId="{34518C4E-024D-4525-9014-B1F18A652941}" dt="2023-06-21T08:35:59.976" v="245" actId="20577"/>
          <pc:sldLayoutMkLst>
            <pc:docMk/>
            <pc:sldMasterMk cId="2454702602" sldId="2147483662"/>
            <pc:sldLayoutMk cId="446161693" sldId="2147483680"/>
          </pc:sldLayoutMkLst>
          <pc:spChg chg="mod">
            <ac:chgData name="Rasmus Vilrik Bruun" userId="8a4ebb7c-b326-4d7b-ad4a-8ae56c587107" providerId="ADAL" clId="{34518C4E-024D-4525-9014-B1F18A652941}" dt="2023-06-21T08:14:27.225" v="78"/>
            <ac:spMkLst>
              <pc:docMk/>
              <pc:sldMasterMk cId="2454702602" sldId="2147483662"/>
              <pc:sldLayoutMk cId="446161693" sldId="2147483680"/>
              <ac:spMk id="2" creationId="{B49B4BE2-BA5E-44BD-9EB1-7EA5F7E10C94}"/>
            </ac:spMkLst>
          </pc:spChg>
          <pc:spChg chg="mod">
            <ac:chgData name="Rasmus Vilrik Bruun" userId="8a4ebb7c-b326-4d7b-ad4a-8ae56c587107" providerId="ADAL" clId="{34518C4E-024D-4525-9014-B1F18A652941}" dt="2023-06-21T08:19:00.208" v="103"/>
            <ac:spMkLst>
              <pc:docMk/>
              <pc:sldMasterMk cId="2454702602" sldId="2147483662"/>
              <pc:sldLayoutMk cId="446161693" sldId="2147483680"/>
              <ac:spMk id="6" creationId="{34CC45E5-0A94-B9B6-A1CA-21955F9754C8}"/>
            </ac:spMkLst>
          </pc:spChg>
          <pc:spChg chg="mod">
            <ac:chgData name="Rasmus Vilrik Bruun" userId="8a4ebb7c-b326-4d7b-ad4a-8ae56c587107" providerId="ADAL" clId="{34518C4E-024D-4525-9014-B1F18A652941}" dt="2023-06-21T08:14:05.783" v="77"/>
            <ac:spMkLst>
              <pc:docMk/>
              <pc:sldMasterMk cId="2454702602" sldId="2147483662"/>
              <pc:sldLayoutMk cId="446161693" sldId="2147483680"/>
              <ac:spMk id="7" creationId="{29DBDEDA-3C7C-6930-523A-A60C5B388B1A}"/>
            </ac:spMkLst>
          </pc:spChg>
          <pc:spChg chg="mod">
            <ac:chgData name="Rasmus Vilrik Bruun" userId="8a4ebb7c-b326-4d7b-ad4a-8ae56c587107" providerId="ADAL" clId="{34518C4E-024D-4525-9014-B1F18A652941}" dt="2023-06-21T08:35:59.976" v="245" actId="20577"/>
            <ac:spMkLst>
              <pc:docMk/>
              <pc:sldMasterMk cId="2454702602" sldId="2147483662"/>
              <pc:sldLayoutMk cId="446161693" sldId="2147483680"/>
              <ac:spMk id="9" creationId="{B562B37B-86F0-A753-5E83-C52BCE02FB52}"/>
            </ac:spMkLst>
          </pc:spChg>
          <pc:spChg chg="mod">
            <ac:chgData name="Rasmus Vilrik Bruun" userId="8a4ebb7c-b326-4d7b-ad4a-8ae56c587107" providerId="ADAL" clId="{34518C4E-024D-4525-9014-B1F18A652941}" dt="2023-06-21T08:13:14.053" v="75"/>
            <ac:spMkLst>
              <pc:docMk/>
              <pc:sldMasterMk cId="2454702602" sldId="2147483662"/>
              <pc:sldLayoutMk cId="446161693" sldId="2147483680"/>
              <ac:spMk id="12" creationId="{11583CC1-9F1D-4439-C53C-493A14CAAF74}"/>
            </ac:spMkLst>
          </pc:spChg>
          <pc:spChg chg="mod">
            <ac:chgData name="Rasmus Vilrik Bruun" userId="8a4ebb7c-b326-4d7b-ad4a-8ae56c587107" providerId="ADAL" clId="{34518C4E-024D-4525-9014-B1F18A652941}" dt="2023-06-21T08:13:34.237" v="76"/>
            <ac:spMkLst>
              <pc:docMk/>
              <pc:sldMasterMk cId="2454702602" sldId="2147483662"/>
              <pc:sldLayoutMk cId="446161693" sldId="2147483680"/>
              <ac:spMk id="13" creationId="{A55A9EE1-DB92-A1B5-27AA-1FAE47AC6B8B}"/>
            </ac:spMkLst>
          </pc:spChg>
          <pc:spChg chg="mod">
            <ac:chgData name="Rasmus Vilrik Bruun" userId="8a4ebb7c-b326-4d7b-ad4a-8ae56c587107" providerId="ADAL" clId="{34518C4E-024D-4525-9014-B1F18A652941}" dt="2023-06-21T08:15:40.825" v="87" actId="20577"/>
            <ac:spMkLst>
              <pc:docMk/>
              <pc:sldMasterMk cId="2454702602" sldId="2147483662"/>
              <pc:sldLayoutMk cId="446161693" sldId="2147483680"/>
              <ac:spMk id="18" creationId="{8077CEE0-851C-AEC8-9261-143C1D252855}"/>
            </ac:spMkLst>
          </pc:spChg>
          <pc:spChg chg="mod">
            <ac:chgData name="Rasmus Vilrik Bruun" userId="8a4ebb7c-b326-4d7b-ad4a-8ae56c587107" providerId="ADAL" clId="{34518C4E-024D-4525-9014-B1F18A652941}" dt="2023-06-21T08:15:31.964" v="85" actId="20578"/>
            <ac:spMkLst>
              <pc:docMk/>
              <pc:sldMasterMk cId="2454702602" sldId="2147483662"/>
              <pc:sldLayoutMk cId="446161693" sldId="2147483680"/>
              <ac:spMk id="19" creationId="{C6BB67CB-DFE4-564F-4D43-275B2CAAD2FD}"/>
            </ac:spMkLst>
          </pc:spChg>
          <pc:spChg chg="mod">
            <ac:chgData name="Rasmus Vilrik Bruun" userId="8a4ebb7c-b326-4d7b-ad4a-8ae56c587107" providerId="ADAL" clId="{34518C4E-024D-4525-9014-B1F18A652941}" dt="2023-06-21T08:16:16.130" v="92" actId="108"/>
            <ac:spMkLst>
              <pc:docMk/>
              <pc:sldMasterMk cId="2454702602" sldId="2147483662"/>
              <pc:sldLayoutMk cId="446161693" sldId="2147483680"/>
              <ac:spMk id="20" creationId="{77E46A7A-399E-B8B3-DCE1-C1E5ECE7EDA6}"/>
            </ac:spMkLst>
          </pc:spChg>
          <pc:spChg chg="mod">
            <ac:chgData name="Rasmus Vilrik Bruun" userId="8a4ebb7c-b326-4d7b-ad4a-8ae56c587107" providerId="ADAL" clId="{34518C4E-024D-4525-9014-B1F18A652941}" dt="2023-06-21T08:16:31.700" v="95" actId="108"/>
            <ac:spMkLst>
              <pc:docMk/>
              <pc:sldMasterMk cId="2454702602" sldId="2147483662"/>
              <pc:sldLayoutMk cId="446161693" sldId="2147483680"/>
              <ac:spMk id="21" creationId="{82FA3640-1B52-DC93-E7BB-82C736529360}"/>
            </ac:spMkLst>
          </pc:spChg>
          <pc:spChg chg="mod">
            <ac:chgData name="Rasmus Vilrik Bruun" userId="8a4ebb7c-b326-4d7b-ad4a-8ae56c587107" providerId="ADAL" clId="{34518C4E-024D-4525-9014-B1F18A652941}" dt="2023-06-21T08:16:25.827" v="93" actId="108"/>
            <ac:spMkLst>
              <pc:docMk/>
              <pc:sldMasterMk cId="2454702602" sldId="2147483662"/>
              <pc:sldLayoutMk cId="446161693" sldId="2147483680"/>
              <ac:spMk id="22" creationId="{5D39CE2F-AB22-79B9-6DF7-57113AD8A7B1}"/>
            </ac:spMkLst>
          </pc:spChg>
          <pc:spChg chg="mod">
            <ac:chgData name="Rasmus Vilrik Bruun" userId="8a4ebb7c-b326-4d7b-ad4a-8ae56c587107" providerId="ADAL" clId="{34518C4E-024D-4525-9014-B1F18A652941}" dt="2023-06-21T08:16:28.099" v="94" actId="108"/>
            <ac:spMkLst>
              <pc:docMk/>
              <pc:sldMasterMk cId="2454702602" sldId="2147483662"/>
              <pc:sldLayoutMk cId="446161693" sldId="2147483680"/>
              <ac:spMk id="23" creationId="{B352581C-63AC-EC1E-5AC6-6EFCB91095D1}"/>
            </ac:spMkLst>
          </pc:spChg>
          <pc:spChg chg="mod">
            <ac:chgData name="Rasmus Vilrik Bruun" userId="8a4ebb7c-b326-4d7b-ad4a-8ae56c587107" providerId="ADAL" clId="{34518C4E-024D-4525-9014-B1F18A652941}" dt="2023-06-21T08:13:03.359" v="74" actId="20577"/>
            <ac:spMkLst>
              <pc:docMk/>
              <pc:sldMasterMk cId="2454702602" sldId="2147483662"/>
              <pc:sldLayoutMk cId="446161693" sldId="2147483680"/>
              <ac:spMk id="24" creationId="{C0093DE9-B6EF-425D-D42C-903486578C4A}"/>
            </ac:spMkLst>
          </pc:spChg>
          <pc:spChg chg="mod">
            <ac:chgData name="Rasmus Vilrik Bruun" userId="8a4ebb7c-b326-4d7b-ad4a-8ae56c587107" providerId="ADAL" clId="{34518C4E-024D-4525-9014-B1F18A652941}" dt="2023-06-21T08:12:48.415" v="64" actId="20577"/>
            <ac:spMkLst>
              <pc:docMk/>
              <pc:sldMasterMk cId="2454702602" sldId="2147483662"/>
              <pc:sldLayoutMk cId="446161693" sldId="2147483680"/>
              <ac:spMk id="25" creationId="{CE83A89D-76DA-D827-4138-25FAF128D414}"/>
            </ac:spMkLst>
          </pc:spChg>
          <pc:spChg chg="mod">
            <ac:chgData name="Rasmus Vilrik Bruun" userId="8a4ebb7c-b326-4d7b-ad4a-8ae56c587107" providerId="ADAL" clId="{34518C4E-024D-4525-9014-B1F18A652941}" dt="2023-06-21T08:12:55.294" v="67" actId="20577"/>
            <ac:spMkLst>
              <pc:docMk/>
              <pc:sldMasterMk cId="2454702602" sldId="2147483662"/>
              <pc:sldLayoutMk cId="446161693" sldId="2147483680"/>
              <ac:spMk id="26" creationId="{2A14C34B-206A-2D2A-EFA5-C23C71F8AC25}"/>
            </ac:spMkLst>
          </pc:spChg>
          <pc:spChg chg="mod">
            <ac:chgData name="Rasmus Vilrik Bruun" userId="8a4ebb7c-b326-4d7b-ad4a-8ae56c587107" providerId="ADAL" clId="{34518C4E-024D-4525-9014-B1F18A652941}" dt="2023-06-21T08:12:58.903" v="70" actId="20577"/>
            <ac:spMkLst>
              <pc:docMk/>
              <pc:sldMasterMk cId="2454702602" sldId="2147483662"/>
              <pc:sldLayoutMk cId="446161693" sldId="2147483680"/>
              <ac:spMk id="27" creationId="{8B0856AC-D0E0-DEAF-718A-746F84E5337F}"/>
            </ac:spMkLst>
          </pc:spChg>
          <pc:spChg chg="mod">
            <ac:chgData name="Rasmus Vilrik Bruun" userId="8a4ebb7c-b326-4d7b-ad4a-8ae56c587107" providerId="ADAL" clId="{34518C4E-024D-4525-9014-B1F18A652941}" dt="2023-06-21T08:19:13.298" v="110" actId="1035"/>
            <ac:spMkLst>
              <pc:docMk/>
              <pc:sldMasterMk cId="2454702602" sldId="2147483662"/>
              <pc:sldLayoutMk cId="446161693" sldId="2147483680"/>
              <ac:spMk id="32" creationId="{4F170CAD-6DE0-0F05-F233-E619C6DE78BE}"/>
            </ac:spMkLst>
          </pc:spChg>
          <pc:grpChg chg="mod">
            <ac:chgData name="Rasmus Vilrik Bruun" userId="8a4ebb7c-b326-4d7b-ad4a-8ae56c587107" providerId="ADAL" clId="{34518C4E-024D-4525-9014-B1F18A652941}" dt="2023-06-21T08:15:31.964" v="85" actId="20578"/>
            <ac:grpSpMkLst>
              <pc:docMk/>
              <pc:sldMasterMk cId="2454702602" sldId="2147483662"/>
              <pc:sldLayoutMk cId="446161693" sldId="2147483680"/>
              <ac:grpSpMk id="14" creationId="{EB9B3B55-1E93-79C9-02E1-0F8A0E04604D}"/>
            </ac:grpSpMkLst>
          </pc:grpChg>
          <pc:cxnChg chg="mod">
            <ac:chgData name="Rasmus Vilrik Bruun" userId="8a4ebb7c-b326-4d7b-ad4a-8ae56c587107" providerId="ADAL" clId="{34518C4E-024D-4525-9014-B1F18A652941}" dt="2023-06-21T08:15:31.964" v="85" actId="20578"/>
            <ac:cxnSpMkLst>
              <pc:docMk/>
              <pc:sldMasterMk cId="2454702602" sldId="2147483662"/>
              <pc:sldLayoutMk cId="446161693" sldId="2147483680"/>
              <ac:cxnSpMk id="15" creationId="{2444B923-26F8-5888-C981-F33E05C1FACC}"/>
            </ac:cxnSpMkLst>
          </pc:cxnChg>
          <pc:cxnChg chg="mod">
            <ac:chgData name="Rasmus Vilrik Bruun" userId="8a4ebb7c-b326-4d7b-ad4a-8ae56c587107" providerId="ADAL" clId="{34518C4E-024D-4525-9014-B1F18A652941}" dt="2023-06-21T08:15:31.964" v="85" actId="20578"/>
            <ac:cxnSpMkLst>
              <pc:docMk/>
              <pc:sldMasterMk cId="2454702602" sldId="2147483662"/>
              <pc:sldLayoutMk cId="446161693" sldId="2147483680"/>
              <ac:cxnSpMk id="16" creationId="{9D77AF83-CCEE-A834-4111-F0BBF22AB2D2}"/>
            </ac:cxnSpMkLst>
          </pc:cxnChg>
          <pc:cxnChg chg="mod">
            <ac:chgData name="Rasmus Vilrik Bruun" userId="8a4ebb7c-b326-4d7b-ad4a-8ae56c587107" providerId="ADAL" clId="{34518C4E-024D-4525-9014-B1F18A652941}" dt="2023-06-21T08:15:31.964" v="85" actId="20578"/>
            <ac:cxnSpMkLst>
              <pc:docMk/>
              <pc:sldMasterMk cId="2454702602" sldId="2147483662"/>
              <pc:sldLayoutMk cId="446161693" sldId="2147483680"/>
              <ac:cxnSpMk id="17" creationId="{F6C22154-F534-BAFC-D5BA-4A5112118E81}"/>
            </ac:cxnSpMkLst>
          </pc:cxnChg>
        </pc:sldLayoutChg>
        <pc:sldLayoutChg chg="modSp mod">
          <pc:chgData name="Rasmus Vilrik Bruun" userId="8a4ebb7c-b326-4d7b-ad4a-8ae56c587107" providerId="ADAL" clId="{34518C4E-024D-4525-9014-B1F18A652941}" dt="2023-06-21T08:22:46.825" v="149"/>
          <pc:sldLayoutMkLst>
            <pc:docMk/>
            <pc:sldMasterMk cId="2454702602" sldId="2147483662"/>
            <pc:sldLayoutMk cId="3354353727" sldId="2147483681"/>
          </pc:sldLayoutMkLst>
          <pc:spChg chg="mod">
            <ac:chgData name="Rasmus Vilrik Bruun" userId="8a4ebb7c-b326-4d7b-ad4a-8ae56c587107" providerId="ADAL" clId="{34518C4E-024D-4525-9014-B1F18A652941}" dt="2023-06-21T08:21:57.344" v="146" actId="20577"/>
            <ac:spMkLst>
              <pc:docMk/>
              <pc:sldMasterMk cId="2454702602" sldId="2147483662"/>
              <pc:sldLayoutMk cId="3354353727" sldId="2147483681"/>
              <ac:spMk id="4" creationId="{23291896-B2E5-494C-E62D-1CA2D0CDE9E1}"/>
            </ac:spMkLst>
          </pc:spChg>
          <pc:spChg chg="mod">
            <ac:chgData name="Rasmus Vilrik Bruun" userId="8a4ebb7c-b326-4d7b-ad4a-8ae56c587107" providerId="ADAL" clId="{34518C4E-024D-4525-9014-B1F18A652941}" dt="2023-06-21T08:22:32.019" v="148"/>
            <ac:spMkLst>
              <pc:docMk/>
              <pc:sldMasterMk cId="2454702602" sldId="2147483662"/>
              <pc:sldLayoutMk cId="3354353727" sldId="2147483681"/>
              <ac:spMk id="11" creationId="{62152B50-AE90-ADD8-2537-AE6ED0A7C29C}"/>
            </ac:spMkLst>
          </pc:spChg>
          <pc:spChg chg="mod">
            <ac:chgData name="Rasmus Vilrik Bruun" userId="8a4ebb7c-b326-4d7b-ad4a-8ae56c587107" providerId="ADAL" clId="{34518C4E-024D-4525-9014-B1F18A652941}" dt="2023-06-21T08:22:18.976" v="147"/>
            <ac:spMkLst>
              <pc:docMk/>
              <pc:sldMasterMk cId="2454702602" sldId="2147483662"/>
              <pc:sldLayoutMk cId="3354353727" sldId="2147483681"/>
              <ac:spMk id="12" creationId="{683170E3-4C91-87E5-5E4A-DFB485754E46}"/>
            </ac:spMkLst>
          </pc:spChg>
          <pc:spChg chg="mod">
            <ac:chgData name="Rasmus Vilrik Bruun" userId="8a4ebb7c-b326-4d7b-ad4a-8ae56c587107" providerId="ADAL" clId="{34518C4E-024D-4525-9014-B1F18A652941}" dt="2023-06-21T08:22:46.825" v="149"/>
            <ac:spMkLst>
              <pc:docMk/>
              <pc:sldMasterMk cId="2454702602" sldId="2147483662"/>
              <pc:sldLayoutMk cId="3354353727" sldId="2147483681"/>
              <ac:spMk id="13" creationId="{7C3BAD70-9203-6B2F-DC5F-F07F0B02CD6F}"/>
            </ac:spMkLst>
          </pc:spChg>
          <pc:spChg chg="mod">
            <ac:chgData name="Rasmus Vilrik Bruun" userId="8a4ebb7c-b326-4d7b-ad4a-8ae56c587107" providerId="ADAL" clId="{34518C4E-024D-4525-9014-B1F18A652941}" dt="2023-06-21T08:20:00.645" v="118"/>
            <ac:spMkLst>
              <pc:docMk/>
              <pc:sldMasterMk cId="2454702602" sldId="2147483662"/>
              <pc:sldLayoutMk cId="3354353727" sldId="2147483681"/>
              <ac:spMk id="14" creationId="{D514E638-6216-26F2-7BE2-D8953D10124A}"/>
            </ac:spMkLst>
          </pc:spChg>
          <pc:spChg chg="mod">
            <ac:chgData name="Rasmus Vilrik Bruun" userId="8a4ebb7c-b326-4d7b-ad4a-8ae56c587107" providerId="ADAL" clId="{34518C4E-024D-4525-9014-B1F18A652941}" dt="2023-06-21T08:20:54.836" v="130" actId="20577"/>
            <ac:spMkLst>
              <pc:docMk/>
              <pc:sldMasterMk cId="2454702602" sldId="2147483662"/>
              <pc:sldLayoutMk cId="3354353727" sldId="2147483681"/>
              <ac:spMk id="15" creationId="{EF3EC542-3147-D496-F7C0-86EF5BC41D1F}"/>
            </ac:spMkLst>
          </pc:spChg>
        </pc:sldLayoutChg>
        <pc:sldLayoutChg chg="modSp mod">
          <pc:chgData name="Rasmus Vilrik Bruun" userId="8a4ebb7c-b326-4d7b-ad4a-8ae56c587107" providerId="ADAL" clId="{34518C4E-024D-4525-9014-B1F18A652941}" dt="2023-06-21T08:23:52.799" v="154" actId="20577"/>
          <pc:sldLayoutMkLst>
            <pc:docMk/>
            <pc:sldMasterMk cId="2454702602" sldId="2147483662"/>
            <pc:sldLayoutMk cId="1353972456" sldId="2147483682"/>
          </pc:sldLayoutMkLst>
          <pc:spChg chg="mod">
            <ac:chgData name="Rasmus Vilrik Bruun" userId="8a4ebb7c-b326-4d7b-ad4a-8ae56c587107" providerId="ADAL" clId="{34518C4E-024D-4525-9014-B1F18A652941}" dt="2023-06-21T08:23:52.799" v="154" actId="20577"/>
            <ac:spMkLst>
              <pc:docMk/>
              <pc:sldMasterMk cId="2454702602" sldId="2147483662"/>
              <pc:sldLayoutMk cId="1353972456" sldId="2147483682"/>
              <ac:spMk id="43" creationId="{37D9EDEE-53E6-086B-DB41-D76AD3D29B40}"/>
            </ac:spMkLst>
          </pc:spChg>
        </pc:sldLayoutChg>
        <pc:sldLayoutChg chg="modSp mod">
          <pc:chgData name="Rasmus Vilrik Bruun" userId="8a4ebb7c-b326-4d7b-ad4a-8ae56c587107" providerId="ADAL" clId="{34518C4E-024D-4525-9014-B1F18A652941}" dt="2023-06-21T08:30:01.876" v="210"/>
          <pc:sldLayoutMkLst>
            <pc:docMk/>
            <pc:sldMasterMk cId="2454702602" sldId="2147483662"/>
            <pc:sldLayoutMk cId="1220811982" sldId="2147483683"/>
          </pc:sldLayoutMkLst>
          <pc:spChg chg="mod">
            <ac:chgData name="Rasmus Vilrik Bruun" userId="8a4ebb7c-b326-4d7b-ad4a-8ae56c587107" providerId="ADAL" clId="{34518C4E-024D-4525-9014-B1F18A652941}" dt="2023-06-21T08:27:39.800" v="174"/>
            <ac:spMkLst>
              <pc:docMk/>
              <pc:sldMasterMk cId="2454702602" sldId="2147483662"/>
              <pc:sldLayoutMk cId="1220811982" sldId="2147483683"/>
              <ac:spMk id="13" creationId="{E5C1FB1F-6497-A494-E291-5C0BBE1FCE29}"/>
            </ac:spMkLst>
          </pc:spChg>
          <pc:spChg chg="mod">
            <ac:chgData name="Rasmus Vilrik Bruun" userId="8a4ebb7c-b326-4d7b-ad4a-8ae56c587107" providerId="ADAL" clId="{34518C4E-024D-4525-9014-B1F18A652941}" dt="2023-06-21T08:27:25.580" v="173" actId="1036"/>
            <ac:spMkLst>
              <pc:docMk/>
              <pc:sldMasterMk cId="2454702602" sldId="2147483662"/>
              <pc:sldLayoutMk cId="1220811982" sldId="2147483683"/>
              <ac:spMk id="14" creationId="{B70171CF-2F8A-BA30-D138-5ED52D828248}"/>
            </ac:spMkLst>
          </pc:spChg>
          <pc:spChg chg="mod">
            <ac:chgData name="Rasmus Vilrik Bruun" userId="8a4ebb7c-b326-4d7b-ad4a-8ae56c587107" providerId="ADAL" clId="{34518C4E-024D-4525-9014-B1F18A652941}" dt="2023-06-21T08:27:50.064" v="175"/>
            <ac:spMkLst>
              <pc:docMk/>
              <pc:sldMasterMk cId="2454702602" sldId="2147483662"/>
              <pc:sldLayoutMk cId="1220811982" sldId="2147483683"/>
              <ac:spMk id="15" creationId="{1FFFBDE9-68E6-AF4D-F26C-B1C77C2D39EE}"/>
            </ac:spMkLst>
          </pc:spChg>
          <pc:spChg chg="mod">
            <ac:chgData name="Rasmus Vilrik Bruun" userId="8a4ebb7c-b326-4d7b-ad4a-8ae56c587107" providerId="ADAL" clId="{34518C4E-024D-4525-9014-B1F18A652941}" dt="2023-06-21T08:27:55.530" v="183" actId="20577"/>
            <ac:spMkLst>
              <pc:docMk/>
              <pc:sldMasterMk cId="2454702602" sldId="2147483662"/>
              <pc:sldLayoutMk cId="1220811982" sldId="2147483683"/>
              <ac:spMk id="16" creationId="{EAAE3503-6222-859A-3EF0-B787B873E526}"/>
            </ac:spMkLst>
          </pc:spChg>
          <pc:spChg chg="mod">
            <ac:chgData name="Rasmus Vilrik Bruun" userId="8a4ebb7c-b326-4d7b-ad4a-8ae56c587107" providerId="ADAL" clId="{34518C4E-024D-4525-9014-B1F18A652941}" dt="2023-06-21T08:26:11.428" v="162" actId="313"/>
            <ac:spMkLst>
              <pc:docMk/>
              <pc:sldMasterMk cId="2454702602" sldId="2147483662"/>
              <pc:sldLayoutMk cId="1220811982" sldId="2147483683"/>
              <ac:spMk id="17" creationId="{27BC19EA-D265-A825-299A-E438EC16005A}"/>
            </ac:spMkLst>
          </pc:spChg>
          <pc:spChg chg="mod">
            <ac:chgData name="Rasmus Vilrik Bruun" userId="8a4ebb7c-b326-4d7b-ad4a-8ae56c587107" providerId="ADAL" clId="{34518C4E-024D-4525-9014-B1F18A652941}" dt="2023-06-21T08:30:01.876" v="210"/>
            <ac:spMkLst>
              <pc:docMk/>
              <pc:sldMasterMk cId="2454702602" sldId="2147483662"/>
              <pc:sldLayoutMk cId="1220811982" sldId="2147483683"/>
              <ac:spMk id="18" creationId="{05692DD4-FD7C-1AC6-AEC1-19EEC64C04D3}"/>
            </ac:spMkLst>
          </pc:spChg>
          <pc:spChg chg="mod">
            <ac:chgData name="Rasmus Vilrik Bruun" userId="8a4ebb7c-b326-4d7b-ad4a-8ae56c587107" providerId="ADAL" clId="{34518C4E-024D-4525-9014-B1F18A652941}" dt="2023-06-21T08:24:38.146" v="156"/>
            <ac:spMkLst>
              <pc:docMk/>
              <pc:sldMasterMk cId="2454702602" sldId="2147483662"/>
              <pc:sldLayoutMk cId="1220811982" sldId="2147483683"/>
              <ac:spMk id="23" creationId="{A2AE16BB-F5AB-60C8-E6DE-1FB99028AD57}"/>
            </ac:spMkLst>
          </pc:spChg>
        </pc:sldLayoutChg>
        <pc:sldLayoutChg chg="modSp mod">
          <pc:chgData name="Rasmus Vilrik Bruun" userId="8a4ebb7c-b326-4d7b-ad4a-8ae56c587107" providerId="ADAL" clId="{34518C4E-024D-4525-9014-B1F18A652941}" dt="2023-06-21T08:30:30.427" v="212" actId="14100"/>
          <pc:sldLayoutMkLst>
            <pc:docMk/>
            <pc:sldMasterMk cId="2454702602" sldId="2147483662"/>
            <pc:sldLayoutMk cId="1094867963" sldId="2147483684"/>
          </pc:sldLayoutMkLst>
          <pc:spChg chg="mod">
            <ac:chgData name="Rasmus Vilrik Bruun" userId="8a4ebb7c-b326-4d7b-ad4a-8ae56c587107" providerId="ADAL" clId="{34518C4E-024D-4525-9014-B1F18A652941}" dt="2023-06-21T08:30:30.427" v="212" actId="14100"/>
            <ac:spMkLst>
              <pc:docMk/>
              <pc:sldMasterMk cId="2454702602" sldId="2147483662"/>
              <pc:sldLayoutMk cId="1094867963" sldId="2147483684"/>
              <ac:spMk id="5" creationId="{E7A455A2-244F-C3A0-1F53-D8C51C0C8B2E}"/>
            </ac:spMkLst>
          </pc:spChg>
          <pc:spChg chg="mod">
            <ac:chgData name="Rasmus Vilrik Bruun" userId="8a4ebb7c-b326-4d7b-ad4a-8ae56c587107" providerId="ADAL" clId="{34518C4E-024D-4525-9014-B1F18A652941}" dt="2023-06-21T06:44:35.824" v="11" actId="20577"/>
            <ac:spMkLst>
              <pc:docMk/>
              <pc:sldMasterMk cId="2454702602" sldId="2147483662"/>
              <pc:sldLayoutMk cId="1094867963" sldId="2147483684"/>
              <ac:spMk id="12" creationId="{88D4F65B-7B1E-4E1A-AD30-98C826D9001C}"/>
            </ac:spMkLst>
          </pc:spChg>
        </pc:sldLayoutChg>
        <pc:sldLayoutChg chg="modSp mod">
          <pc:chgData name="Rasmus Vilrik Bruun" userId="8a4ebb7c-b326-4d7b-ad4a-8ae56c587107" providerId="ADAL" clId="{34518C4E-024D-4525-9014-B1F18A652941}" dt="2023-06-21T06:50:28.255" v="17"/>
          <pc:sldLayoutMkLst>
            <pc:docMk/>
            <pc:sldMasterMk cId="2454702602" sldId="2147483662"/>
            <pc:sldLayoutMk cId="1337473998" sldId="2147483685"/>
          </pc:sldLayoutMkLst>
          <pc:spChg chg="mod">
            <ac:chgData name="Rasmus Vilrik Bruun" userId="8a4ebb7c-b326-4d7b-ad4a-8ae56c587107" providerId="ADAL" clId="{34518C4E-024D-4525-9014-B1F18A652941}" dt="2023-06-21T06:50:28.255" v="17"/>
            <ac:spMkLst>
              <pc:docMk/>
              <pc:sldMasterMk cId="2454702602" sldId="2147483662"/>
              <pc:sldLayoutMk cId="1337473998" sldId="2147483685"/>
              <ac:spMk id="7" creationId="{BA9E0741-693D-FC0F-629F-DA227F289BB5}"/>
            </ac:spMkLst>
          </pc:spChg>
          <pc:spChg chg="mod">
            <ac:chgData name="Rasmus Vilrik Bruun" userId="8a4ebb7c-b326-4d7b-ad4a-8ae56c587107" providerId="ADAL" clId="{34518C4E-024D-4525-9014-B1F18A652941}" dt="2023-06-21T06:45:01.760" v="13" actId="20577"/>
            <ac:spMkLst>
              <pc:docMk/>
              <pc:sldMasterMk cId="2454702602" sldId="2147483662"/>
              <pc:sldLayoutMk cId="1337473998" sldId="2147483685"/>
              <ac:spMk id="8" creationId="{5E2ADE4B-EECC-8785-26AD-A2BC9F4F615D}"/>
            </ac:spMkLst>
          </pc:spChg>
          <pc:spChg chg="mod">
            <ac:chgData name="Rasmus Vilrik Bruun" userId="8a4ebb7c-b326-4d7b-ad4a-8ae56c587107" providerId="ADAL" clId="{34518C4E-024D-4525-9014-B1F18A652941}" dt="2023-06-21T06:44:17.701" v="8" actId="6549"/>
            <ac:spMkLst>
              <pc:docMk/>
              <pc:sldMasterMk cId="2454702602" sldId="2147483662"/>
              <pc:sldLayoutMk cId="1337473998" sldId="2147483685"/>
              <ac:spMk id="12" creationId="{88D4F65B-7B1E-4E1A-AD30-98C826D9001C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6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0488" y="744538"/>
            <a:ext cx="6616700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7" y="4715153"/>
            <a:ext cx="4984962" cy="44669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6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9397964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9684689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170517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9075481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retsinformation.dk/eli/retsinfo/2019/10128" TargetMode="External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hyperlink" Target="https://findit.dtu.dk/" TargetMode="External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ide8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TU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E7A455A2-244F-C3A0-1F53-D8C51C0C8B2E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80000" y="1738800"/>
            <a:ext cx="8507594" cy="29523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eaLnBrk="1" hangingPunct="1">
              <a:lnSpc>
                <a:spcPts val="9000"/>
              </a:lnSpc>
              <a:spcBef>
                <a:spcPts val="0"/>
              </a:spcBef>
              <a:buFontTx/>
              <a:buNone/>
              <a:defRPr sz="8000" b="1" kern="1000" spc="-100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r>
              <a:rPr lang="en-US" dirty="0">
                <a:solidFill>
                  <a:schemeClr val="accent6"/>
                </a:solidFill>
              </a:rPr>
              <a:t>Putting your MUS into perspective </a:t>
            </a: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948679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9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505732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910AF215-35EC-4CCB-96FD-44B8889F703D}" type="datetime1">
              <a:rPr lang="da-DK" smtClean="0"/>
              <a:t>23-06-2023</a:t>
            </a:fld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DB929303-C501-4E2F-90FA-408B2DDC2E20}" type="datetime1">
              <a:rPr lang="da-DK" smtClean="0"/>
              <a:t>23-06-2023</a:t>
            </a:fld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ide1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Box 7">
            <a:extLst>
              <a:ext uri="{FF2B5EF4-FFF2-40B4-BE49-F238E27FC236}">
                <a16:creationId xmlns:a16="http://schemas.microsoft.com/office/drawing/2014/main" id="{5E2ADE4B-EECC-8785-26AD-A2BC9F4F615D}"/>
              </a:ext>
            </a:extLst>
          </p:cNvPr>
          <p:cNvSpPr txBox="1"/>
          <p:nvPr userDrawn="1"/>
        </p:nvSpPr>
        <p:spPr>
          <a:xfrm>
            <a:off x="1018642" y="2024844"/>
            <a:ext cx="11336400" cy="3898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lvl="0" indent="0" eaLnBrk="1" hangingPunct="1">
              <a:lnSpc>
                <a:spcPct val="110000"/>
              </a:lnSpc>
              <a:spcBef>
                <a:spcPts val="0"/>
              </a:spcBef>
              <a:buFontTx/>
              <a:buNone/>
              <a:defRPr sz="9600" b="1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r>
              <a:rPr lang="da-DK" dirty="0">
                <a:solidFill>
                  <a:schemeClr val="accent6"/>
                </a:solidFill>
              </a:rPr>
              <a:t>MUS at DTU</a:t>
            </a:r>
          </a:p>
          <a:p>
            <a:pPr lvl="0"/>
            <a:r>
              <a:rPr lang="da-DK" dirty="0"/>
              <a:t>               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text" descr="{&quot;templafy&quot;:{&quot;id&quot;:&quot;08cd085c-4e32-4ded-b358-489fbbe06f02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TU</a:t>
            </a:r>
          </a:p>
        </p:txBody>
      </p:sp>
      <p:sp>
        <p:nvSpPr>
          <p:cNvPr id="17" name="text" descr="{&quot;templafy&quot;:{&quot;id&quot;:&quot;6ae51645-d256-48a3-bd1d-e2ca0cb33c3d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A9E0741-693D-FC0F-629F-DA227F289BB5}"/>
              </a:ext>
            </a:extLst>
          </p:cNvPr>
          <p:cNvSpPr txBox="1">
            <a:spLocks/>
          </p:cNvSpPr>
          <p:nvPr userDrawn="1"/>
        </p:nvSpPr>
        <p:spPr bwMode="auto">
          <a:xfrm>
            <a:off x="1080000" y="3934800"/>
            <a:ext cx="11336227" cy="3898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marL="180975" indent="-180975" eaLnBrk="1" hangingPunct="1">
              <a:spcBef>
                <a:spcPct val="20000"/>
              </a:spcBef>
              <a:buNone/>
              <a:defRPr sz="1800" kern="0">
                <a:latin typeface="+mn-lt"/>
                <a:ea typeface="+mn-ea"/>
              </a:defRPr>
            </a:lvl1pPr>
            <a:lvl2pPr marL="414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+mn-lt"/>
                <a:ea typeface="+mn-ea"/>
              </a:defRPr>
            </a:lvl3pPr>
            <a:lvl4pPr marL="828000" indent="-198000" eaLnBrk="1" hangingPunct="1">
              <a:spcBef>
                <a:spcPct val="20000"/>
              </a:spcBef>
              <a:buChar char="–"/>
              <a:defRPr sz="1800">
                <a:latin typeface="+mn-lt"/>
                <a:ea typeface="+mn-ea"/>
              </a:defRPr>
            </a:lvl4pPr>
            <a:lvl5pPr marL="1026000" indent="-198000" eaLnBrk="1" hangingPunct="1">
              <a:spcBef>
                <a:spcPct val="20000"/>
              </a:spcBef>
              <a:buChar char="»"/>
              <a:defRPr sz="1800">
                <a:latin typeface="+mn-lt"/>
                <a:ea typeface="+mn-ea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lvl="0"/>
            <a:endParaRPr lang="da-DK" dirty="0"/>
          </a:p>
          <a:p>
            <a:pPr lvl="0"/>
            <a:r>
              <a:rPr lang="en-US" dirty="0">
                <a:solidFill>
                  <a:schemeClr val="accent6"/>
                </a:solidFill>
              </a:rPr>
              <a:t>At DTU, we have a dialogue-based approach to well-being and leadership</a:t>
            </a:r>
          </a:p>
          <a:p>
            <a:pPr lvl="0"/>
            <a:r>
              <a:rPr lang="en-US" dirty="0">
                <a:solidFill>
                  <a:schemeClr val="accent6"/>
                </a:solidFill>
              </a:rPr>
              <a:t>Supporting documents can be found on</a:t>
            </a:r>
            <a:endParaRPr lang="da-DK" dirty="0">
              <a:solidFill>
                <a:schemeClr val="accent6"/>
              </a:solidFill>
            </a:endParaRPr>
          </a:p>
        </p:txBody>
      </p:sp>
      <p:sp>
        <p:nvSpPr>
          <p:cNvPr id="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3747399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F3725169-DF85-89F1-8D83-B57D8D4A8463}"/>
              </a:ext>
            </a:extLst>
          </p:cNvPr>
          <p:cNvSpPr txBox="1">
            <a:spLocks/>
          </p:cNvSpPr>
          <p:nvPr userDrawn="1"/>
        </p:nvSpPr>
        <p:spPr bwMode="auto">
          <a:xfrm>
            <a:off x="8604842" y="1080000"/>
            <a:ext cx="3034980" cy="4693593"/>
          </a:xfrm>
          <a:prstGeom prst="rect">
            <a:avLst/>
          </a:prstGeom>
          <a:noFill/>
          <a:ln w="12700">
            <a:solidFill>
              <a:schemeClr val="accent6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b="1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</a:t>
            </a:r>
            <a:r>
              <a:rPr lang="da-DK" sz="1600" b="1" kern="0" dirty="0" err="1"/>
              <a:t>Documentation</a:t>
            </a:r>
            <a:endParaRPr lang="da-DK" sz="1600" b="1" kern="0" dirty="0"/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da-DK" sz="1600" kern="0" dirty="0"/>
              <a:t>Development </a:t>
            </a:r>
            <a:r>
              <a:rPr lang="da-DK" sz="1600" kern="0" dirty="0" err="1"/>
              <a:t>goals</a:t>
            </a:r>
            <a:r>
              <a:rPr lang="da-DK" sz="1600" kern="0" dirty="0"/>
              <a:t> &amp; agreements</a:t>
            </a:r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Support </a:t>
            </a:r>
            <a:r>
              <a:rPr lang="da-DK" sz="1600" b="1" kern="0" dirty="0" err="1"/>
              <a:t>tools</a:t>
            </a:r>
            <a:r>
              <a:rPr lang="da-DK" sz="1600" b="1" kern="0" dirty="0"/>
              <a:t>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en-US" sz="1600" kern="0" dirty="0"/>
              <a:t>Motivation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en-US" sz="1600" kern="0" dirty="0"/>
              <a:t>Tasks and duties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+mj-lt"/>
              <a:buAutoNum type="alphaLcParenR"/>
            </a:pPr>
            <a:r>
              <a:rPr lang="en-US" sz="1600" kern="0" dirty="0"/>
              <a:t>Relations</a:t>
            </a:r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endParaRPr lang="da-DK" sz="1600" b="1" kern="0" dirty="0"/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None/>
            </a:pPr>
            <a:r>
              <a:rPr lang="da-DK" sz="1600" b="1" kern="0" dirty="0"/>
              <a:t>MUS: </a:t>
            </a:r>
            <a:r>
              <a:rPr lang="da-DK" sz="1600" b="1" kern="0" dirty="0" err="1"/>
              <a:t>Perspectives</a:t>
            </a:r>
            <a:r>
              <a:rPr lang="da-DK" sz="1600" b="1" kern="0" dirty="0"/>
              <a:t>  </a:t>
            </a:r>
          </a:p>
          <a:p>
            <a:pPr marL="639762" indent="-457200">
              <a:lnSpc>
                <a:spcPts val="2000"/>
              </a:lnSpc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kern="0" dirty="0" err="1"/>
              <a:t>Outside</a:t>
            </a:r>
            <a:r>
              <a:rPr lang="da-DK" sz="1600" kern="0" dirty="0"/>
              <a:t> </a:t>
            </a:r>
            <a:r>
              <a:rPr lang="da-DK" sz="1600" kern="0" dirty="0" err="1"/>
              <a:t>world</a:t>
            </a:r>
            <a:r>
              <a:rPr lang="da-DK" sz="1600" kern="0" dirty="0"/>
              <a:t> &amp; future</a:t>
            </a:r>
          </a:p>
          <a:p>
            <a:pPr marL="539750" indent="-357188">
              <a:lnSpc>
                <a:spcPts val="2000"/>
              </a:lnSpc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da-DK" sz="1600" b="1" kern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EC023B8-C7A1-2631-4128-B260FC1FDC0F}"/>
              </a:ext>
            </a:extLst>
          </p:cNvPr>
          <p:cNvSpPr txBox="1"/>
          <p:nvPr userDrawn="1"/>
        </p:nvSpPr>
        <p:spPr>
          <a:xfrm>
            <a:off x="1080000" y="1080000"/>
            <a:ext cx="7371366" cy="4693593"/>
          </a:xfrm>
          <a:prstGeom prst="rect">
            <a:avLst/>
          </a:prstGeom>
          <a:solidFill>
            <a:srgbClr val="FC7634">
              <a:alpha val="10000"/>
            </a:srgbClr>
          </a:solidFill>
        </p:spPr>
        <p:txBody>
          <a:bodyPr wrap="square" lIns="0" tIns="0" rIns="0" bIns="0" rtlCol="0">
            <a:spAutoFit/>
          </a:bodyPr>
          <a:lstStyle/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r>
              <a:rPr lang="da-DK" b="1" kern="0" dirty="0">
                <a:solidFill>
                  <a:schemeClr val="tx1"/>
                </a:solidFill>
                <a:latin typeface="+mn-lt"/>
              </a:rPr>
              <a:t>MUS </a:t>
            </a:r>
            <a:r>
              <a:rPr lang="en-GB" sz="1600" b="1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is mandatory</a:t>
            </a:r>
            <a:endParaRPr lang="da-DK" b="1" kern="0" dirty="0">
              <a:solidFill>
                <a:schemeClr val="tx1"/>
              </a:solidFill>
              <a:latin typeface="+mn-lt"/>
            </a:endParaRP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600" b="0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DTU is a government workplace (see section 5)</a:t>
            </a:r>
            <a:r>
              <a:rPr lang="da-DK" kern="0" dirty="0">
                <a:solidFill>
                  <a:schemeClr val="tx1"/>
                </a:solidFill>
                <a:latin typeface="+mn-lt"/>
              </a:rPr>
              <a:t> </a:t>
            </a:r>
          </a:p>
          <a:p>
            <a:pPr marL="468000" defTabSz="720000">
              <a:lnSpc>
                <a:spcPts val="1600"/>
              </a:lnSpc>
              <a:spcBef>
                <a:spcPts val="432"/>
              </a:spcBef>
            </a:pPr>
            <a:r>
              <a:rPr lang="da-DK" kern="0" dirty="0">
                <a:latin typeface="+mn-lt"/>
                <a:hlinkClick r:id="rId2"/>
              </a:rPr>
              <a:t>cirkulære om aftale om kompetenceudvikling</a:t>
            </a:r>
            <a:endParaRPr lang="da-DK" kern="0" dirty="0"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endParaRPr lang="da-DK" b="1" kern="0" dirty="0">
              <a:solidFill>
                <a:schemeClr val="accent5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</a:pPr>
            <a:r>
              <a:rPr lang="da-DK" b="1" kern="0" dirty="0">
                <a:solidFill>
                  <a:schemeClr val="tx1"/>
                </a:solidFill>
                <a:latin typeface="+mn-lt"/>
              </a:rPr>
              <a:t>MUS </a:t>
            </a:r>
            <a:r>
              <a:rPr lang="en-GB" sz="1600" b="1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is important</a:t>
            </a:r>
            <a:r>
              <a:rPr lang="da-DK" b="1" kern="0" dirty="0">
                <a:solidFill>
                  <a:schemeClr val="tx1"/>
                </a:solidFill>
                <a:latin typeface="+mn-lt"/>
              </a:rPr>
              <a:t> </a:t>
            </a:r>
          </a:p>
          <a:p>
            <a:pPr marL="528638" indent="-342900" defTabSz="720000">
              <a:lnSpc>
                <a:spcPts val="16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600" b="0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Creates well-being and dialogue on competence development</a:t>
            </a:r>
            <a:r>
              <a:rPr lang="da-DK" kern="0" dirty="0">
                <a:solidFill>
                  <a:schemeClr val="tx1"/>
                </a:solidFill>
                <a:latin typeface="+mn-lt"/>
              </a:rPr>
              <a:t> </a:t>
            </a: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r>
              <a:rPr lang="da-DK" b="1" kern="0" dirty="0">
                <a:solidFill>
                  <a:schemeClr val="tx1"/>
                </a:solidFill>
                <a:latin typeface="+mn-lt"/>
              </a:rPr>
              <a:t>MUS </a:t>
            </a:r>
            <a:r>
              <a:rPr lang="en-GB" sz="1600" b="1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cannot stand alone</a:t>
            </a:r>
            <a:r>
              <a:rPr lang="da-DK" b="1" kern="0" dirty="0">
                <a:solidFill>
                  <a:schemeClr val="tx1"/>
                </a:solidFill>
                <a:latin typeface="+mn-lt"/>
              </a:rPr>
              <a:t>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1600" b="0" i="0" strike="noStrike" cap="none" spc="0" baseline="0" dirty="0">
                <a:solidFill>
                  <a:schemeClr val="tx1"/>
                </a:solidFill>
                <a:effectLst/>
                <a:latin typeface="+mn-lt"/>
                <a:ea typeface="Arial"/>
                <a:cs typeface="Arial"/>
              </a:rPr>
              <a:t>Should be supported by regular 1:1 conversations</a:t>
            </a:r>
            <a:endParaRPr lang="da-DK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endParaRPr lang="da-DK" b="1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</a:pPr>
            <a:r>
              <a:rPr lang="en-US" b="1" kern="0" dirty="0">
                <a:solidFill>
                  <a:schemeClr val="tx1"/>
                </a:solidFill>
                <a:latin typeface="+mn-lt"/>
              </a:rPr>
              <a:t>At the MUS, the manager and employee discuss</a:t>
            </a:r>
            <a:r>
              <a:rPr lang="da-DK" b="1" kern="0" dirty="0">
                <a:solidFill>
                  <a:schemeClr val="tx1"/>
                </a:solidFill>
                <a:latin typeface="+mn-lt"/>
              </a:rPr>
              <a:t>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kern="0" dirty="0">
                <a:solidFill>
                  <a:schemeClr val="tx1"/>
                </a:solidFill>
                <a:latin typeface="+mn-lt"/>
              </a:rPr>
              <a:t>Motivation, tasks, duties, and relations (dialogue under a, b, and c)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kern="0" dirty="0">
                <a:solidFill>
                  <a:schemeClr val="tx1"/>
                </a:solidFill>
                <a:latin typeface="+mn-lt"/>
              </a:rPr>
              <a:t>Development goals &amp; agreements (written documentation) </a:t>
            </a:r>
          </a:p>
          <a:p>
            <a:pPr marL="471488" indent="-285750" defTabSz="720000">
              <a:lnSpc>
                <a:spcPts val="1600"/>
              </a:lnSpc>
              <a:spcBef>
                <a:spcPts val="432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kern="0" dirty="0">
                <a:solidFill>
                  <a:schemeClr val="tx1"/>
                </a:solidFill>
                <a:latin typeface="+mn-lt"/>
              </a:rPr>
              <a:t>Perspectives to the outside world (dialogue on the future) </a:t>
            </a:r>
            <a:endParaRPr lang="da-DK" kern="0" dirty="0">
              <a:solidFill>
                <a:schemeClr val="tx1"/>
              </a:solidFill>
              <a:latin typeface="+mn-lt"/>
            </a:endParaRPr>
          </a:p>
          <a:p>
            <a:pPr marL="185738" defTabSz="720000">
              <a:lnSpc>
                <a:spcPts val="1600"/>
              </a:lnSpc>
              <a:spcBef>
                <a:spcPts val="0"/>
              </a:spcBef>
              <a:spcAft>
                <a:spcPts val="600"/>
              </a:spcAft>
            </a:pPr>
            <a:r>
              <a:rPr lang="da-DK" kern="0" dirty="0">
                <a:solidFill>
                  <a:schemeClr val="bg1"/>
                </a:solidFill>
                <a:latin typeface="+mn-lt"/>
              </a:rPr>
              <a:t> 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FC8BB27-BD58-23BA-3FA5-E2013F7630F9}"/>
              </a:ext>
            </a:extLst>
          </p:cNvPr>
          <p:cNvSpPr txBox="1"/>
          <p:nvPr userDrawn="1"/>
        </p:nvSpPr>
        <p:spPr>
          <a:xfrm>
            <a:off x="1080000" y="450000"/>
            <a:ext cx="5207388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MUS at DTU </a:t>
            </a:r>
            <a:r>
              <a:rPr lang="da-DK" dirty="0">
                <a:latin typeface="+mn-lt"/>
              </a:rPr>
              <a:t>– </a:t>
            </a:r>
            <a:r>
              <a:rPr lang="en-US" dirty="0">
                <a:latin typeface="+mn-lt"/>
              </a:rPr>
              <a:t>part of our ongoing dialogues</a:t>
            </a:r>
            <a:endParaRPr lang="da-DK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93017196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indhold 2">
            <a:extLst>
              <a:ext uri="{FF2B5EF4-FFF2-40B4-BE49-F238E27FC236}">
                <a16:creationId xmlns:a16="http://schemas.microsoft.com/office/drawing/2014/main" id="{19045499-4E3C-848F-387E-5EED805C1079}"/>
              </a:ext>
            </a:extLst>
          </p:cNvPr>
          <p:cNvSpPr txBox="1">
            <a:spLocks/>
          </p:cNvSpPr>
          <p:nvPr userDrawn="1"/>
        </p:nvSpPr>
        <p:spPr bwMode="auto">
          <a:xfrm>
            <a:off x="6455246" y="1080000"/>
            <a:ext cx="5256584" cy="5265324"/>
          </a:xfrm>
          <a:prstGeom prst="rect">
            <a:avLst/>
          </a:prstGeom>
          <a:noFill/>
          <a:ln w="12700">
            <a:solidFill>
              <a:srgbClr val="FF66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269875" indent="-182563">
              <a:buFontTx/>
              <a:buNone/>
              <a:tabLst>
                <a:tab pos="1346200" algn="l"/>
                <a:tab pos="5287963" algn="l"/>
              </a:tabLst>
            </a:pPr>
            <a:endParaRPr lang="en-GB" sz="1400" b="1" i="0" strike="noStrike" cap="none" spc="0" baseline="0" dirty="0">
              <a:solidFill>
                <a:srgbClr val="000000"/>
              </a:solidFill>
              <a:effectLst/>
              <a:ea typeface="Arial"/>
              <a:cs typeface="Arial"/>
            </a:endParaRPr>
          </a:p>
          <a:p>
            <a:pPr marL="269875" indent="-182563">
              <a:buFontTx/>
              <a:buNone/>
              <a:tabLst>
                <a:tab pos="1346200" algn="l"/>
                <a:tab pos="5287963" algn="l"/>
              </a:tabLst>
            </a:pP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Motivation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 (dialogue during MUS)</a:t>
            </a:r>
            <a:endParaRPr lang="da-DK" sz="1400" kern="0" dirty="0"/>
          </a:p>
          <a:p>
            <a:pPr marL="269875" indent="-182563">
              <a:tabLst>
                <a:tab pos="5287963" algn="l"/>
              </a:tabLst>
            </a:pP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Being committed (passionate about your work) is important to how we succeed in our tasks and to our work-life balance.</a:t>
            </a:r>
          </a:p>
          <a:p>
            <a:pPr marL="269875" indent="-182563">
              <a:tabLst>
                <a:tab pos="5287963" algn="l"/>
              </a:tabLst>
            </a:pPr>
            <a:endParaRPr lang="da-DK" sz="1400" b="1" kern="0" dirty="0"/>
          </a:p>
          <a:p>
            <a:pPr marL="87312" indent="0">
              <a:buNone/>
              <a:tabLst>
                <a:tab pos="5287963" algn="l"/>
              </a:tabLst>
            </a:pP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Tasks and duties </a:t>
            </a:r>
            <a:r>
              <a:rPr lang="en-GB" sz="1400" dirty="0">
                <a:solidFill>
                  <a:srgbClr val="000000"/>
                </a:solidFill>
              </a:rPr>
              <a:t>(dialogue during MUS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)</a:t>
            </a: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 </a:t>
            </a:r>
            <a:endParaRPr lang="da-DK" sz="1400" kern="0" dirty="0"/>
          </a:p>
          <a:p>
            <a:pPr marL="269875" indent="-182563">
              <a:tabLst>
                <a:tab pos="5287963" algn="l"/>
              </a:tabLst>
            </a:pP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A dialogue on performance, challenging tasks, and whether we have delivered as expected is important to both our well-being and performance.</a:t>
            </a:r>
          </a:p>
          <a:p>
            <a:pPr marL="269875" indent="-182563">
              <a:tabLst>
                <a:tab pos="5287963" algn="l"/>
              </a:tabLst>
            </a:pPr>
            <a:endParaRPr lang="da-DK" sz="1400" b="1" kern="0" dirty="0"/>
          </a:p>
          <a:p>
            <a:pPr marL="269875" indent="-182563">
              <a:buFontTx/>
              <a:buNone/>
              <a:tabLst>
                <a:tab pos="5287963" algn="l"/>
              </a:tabLst>
            </a:pP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Relations and collaboration 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(</a:t>
            </a:r>
            <a:r>
              <a:rPr lang="en-GB" sz="1400" dirty="0">
                <a:solidFill>
                  <a:srgbClr val="000000"/>
                </a:solidFill>
              </a:rPr>
              <a:t>dialogue during MUS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)</a:t>
            </a:r>
            <a:endParaRPr lang="da-DK" sz="1400" kern="0" dirty="0"/>
          </a:p>
          <a:p>
            <a:pPr marL="269875" indent="-182563">
              <a:tabLst>
                <a:tab pos="5287963" algn="l"/>
              </a:tabLst>
            </a:pP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Is a prerequisite for us to succeed in collaborating across DTU </a:t>
            </a:r>
          </a:p>
          <a:p>
            <a:pPr marL="269875" indent="-182563">
              <a:buFontTx/>
              <a:buNone/>
              <a:tabLst>
                <a:tab pos="5287963" algn="l"/>
              </a:tabLst>
            </a:pPr>
            <a:endParaRPr lang="da-DK" sz="1400" b="1" kern="0" dirty="0"/>
          </a:p>
          <a:p>
            <a:pPr marL="269875" indent="-182563">
              <a:buFontTx/>
              <a:buNone/>
              <a:tabLst>
                <a:tab pos="5287963" algn="l"/>
              </a:tabLst>
            </a:pP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Development goals and agreements 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(written documentation) </a:t>
            </a:r>
            <a:endParaRPr lang="da-DK" sz="1400" b="1" kern="0" dirty="0"/>
          </a:p>
          <a:p>
            <a:pPr marL="269875" indent="-182563">
              <a:tabLst>
                <a:tab pos="5287963" algn="l"/>
              </a:tabLst>
            </a:pP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Ensures joint knowledge of what is agreed at the MUS and a dialogue on how the manager can support goal achievement.</a:t>
            </a:r>
          </a:p>
          <a:p>
            <a:pPr marL="269875" indent="-182563">
              <a:buFontTx/>
              <a:buNone/>
              <a:tabLst>
                <a:tab pos="5287963" algn="l"/>
              </a:tabLst>
            </a:pPr>
            <a:endParaRPr lang="da-DK" sz="1400" b="1" kern="0" dirty="0"/>
          </a:p>
          <a:p>
            <a:pPr marL="269875" indent="-182563">
              <a:buFontTx/>
              <a:buNone/>
              <a:tabLst>
                <a:tab pos="5287963" algn="l"/>
              </a:tabLst>
            </a:pPr>
            <a:r>
              <a:rPr lang="en-GB" sz="1400" b="1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Outside world and future </a:t>
            </a: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(perspectives)</a:t>
            </a:r>
            <a:endParaRPr lang="da-DK" sz="1400" kern="0" dirty="0"/>
          </a:p>
          <a:p>
            <a:pPr marL="269875" indent="-182563">
              <a:buFont typeface="Arial" panose="020B0604020202020204" pitchFamily="34" charset="0"/>
              <a:buChar char="•"/>
              <a:tabLst>
                <a:tab pos="5287963" algn="l"/>
              </a:tabLst>
            </a:pPr>
            <a:r>
              <a:rPr lang="en-GB" sz="1400" b="0" i="0" strike="noStrike" cap="none" spc="0" baseline="0" dirty="0">
                <a:solidFill>
                  <a:srgbClr val="000000"/>
                </a:solidFill>
                <a:effectLst/>
                <a:ea typeface="Arial"/>
                <a:cs typeface="Arial"/>
              </a:rPr>
              <a:t>Opportunity to bridge the gap between wishes for competence development and the development around us.</a:t>
            </a:r>
            <a:endParaRPr lang="da-DK" sz="1400" kern="0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ED24D1E-BB7B-BBAD-AD13-7D54F0FC239F}"/>
              </a:ext>
            </a:extLst>
          </p:cNvPr>
          <p:cNvSpPr txBox="1"/>
          <p:nvPr userDrawn="1"/>
        </p:nvSpPr>
        <p:spPr>
          <a:xfrm>
            <a:off x="1080000" y="450000"/>
            <a:ext cx="2136803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MUS guide</a:t>
            </a:r>
            <a:endParaRPr lang="da-DK" dirty="0">
              <a:latin typeface="+mn-lt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51085D8-BB5A-B6D1-96F7-278C8E55EAED}"/>
              </a:ext>
            </a:extLst>
          </p:cNvPr>
          <p:cNvSpPr txBox="1"/>
          <p:nvPr userDrawn="1"/>
        </p:nvSpPr>
        <p:spPr>
          <a:xfrm>
            <a:off x="1079999" y="1080000"/>
            <a:ext cx="5207919" cy="5265324"/>
          </a:xfrm>
          <a:prstGeom prst="rect">
            <a:avLst/>
          </a:prstGeom>
          <a:solidFill>
            <a:srgbClr val="FC7634">
              <a:alpha val="10000"/>
            </a:srgbClr>
          </a:solidFill>
        </p:spPr>
        <p:txBody>
          <a:bodyPr wrap="square" lIns="0" tIns="0" rIns="0" bIns="0" rtlCol="0">
            <a:noAutofit/>
          </a:bodyPr>
          <a:lstStyle/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endParaRPr lang="da-DK" sz="800" b="1" dirty="0" smtClean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 smtClean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Framework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The employee development dialogue (MUS) is conducted by the immediate manager with HR responsibility. 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A MUS is not a disciplinary interview or salary negotiation.</a:t>
            </a:r>
            <a:r>
              <a:rPr lang="da-DK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 </a:t>
            </a: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endParaRPr lang="da-DK" sz="800" b="1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 err="1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Objective</a:t>
            </a:r>
            <a:r>
              <a:rPr lang="da-DK" sz="1400" b="1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 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Dialogue between manager and employee about; </a:t>
            </a:r>
            <a:b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</a:b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Motivation, tasks, duties, and relations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Joint agreements on development goals for the employee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endParaRPr lang="da-DK" sz="800" b="1" kern="1200" dirty="0" smtClean="0">
              <a:solidFill>
                <a:schemeClr val="tx1"/>
              </a:solidFill>
              <a:latin typeface="Verdana" pitchFamily="34" charset="0"/>
              <a:ea typeface="Verdana" panose="020B0604030504040204" pitchFamily="34" charset="0"/>
              <a:cs typeface="+mn-cs"/>
            </a:endParaRPr>
          </a:p>
          <a:p>
            <a:pPr marL="452438" indent="-269875">
              <a:spcBef>
                <a:spcPts val="336"/>
              </a:spcBef>
              <a:buFontTx/>
              <a:buNone/>
              <a:tabLst>
                <a:tab pos="4843463" algn="l"/>
              </a:tabLst>
            </a:pPr>
            <a:r>
              <a:rPr lang="da-DK" sz="1400" b="1" dirty="0" err="1" smtClean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Alignment</a:t>
            </a:r>
            <a:r>
              <a:rPr lang="da-DK" sz="1400" b="1" dirty="0" smtClean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 </a:t>
            </a:r>
            <a:r>
              <a:rPr lang="da-DK" sz="1400" b="1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of </a:t>
            </a:r>
            <a:r>
              <a:rPr lang="da-DK" sz="1400" b="1" dirty="0" err="1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expectations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A MUS involves a dialogue on the alignment between the employee’s motivation, development goals, and how relations and collaboration strengthen the employee’s task performance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endParaRPr lang="da-DK" sz="800" b="1" kern="1200" dirty="0" smtClean="0">
              <a:solidFill>
                <a:schemeClr val="tx1"/>
              </a:solidFill>
              <a:latin typeface="Verdana" pitchFamily="34" charset="0"/>
              <a:ea typeface="Verdana" panose="020B0604030504040204" pitchFamily="34" charset="0"/>
              <a:cs typeface="+mn-cs"/>
            </a:endParaRPr>
          </a:p>
          <a:p>
            <a:pPr marL="452438" indent="-269875">
              <a:spcBef>
                <a:spcPts val="336"/>
              </a:spcBef>
              <a:buNone/>
              <a:tabLst>
                <a:tab pos="4843463" algn="l"/>
              </a:tabLst>
            </a:pPr>
            <a:r>
              <a:rPr lang="da-DK" sz="1400" b="1" dirty="0" err="1" smtClean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Preparation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The manager invites the employee to the MUS approx</a:t>
            </a:r>
            <a:r>
              <a:rPr lang="en-US" sz="1400" dirty="0" smtClean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. 14 </a:t>
            </a: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days in advance (a requirement)</a:t>
            </a:r>
          </a:p>
          <a:p>
            <a:pPr marL="468313" indent="-285750">
              <a:spcBef>
                <a:spcPts val="336"/>
              </a:spcBef>
              <a:buFont typeface="Arial" panose="020B0604020202020204" pitchFamily="34" charset="0"/>
              <a:buChar char="•"/>
              <a:tabLst>
                <a:tab pos="4843463" algn="l"/>
              </a:tabLst>
            </a:pPr>
            <a:r>
              <a:rPr lang="en-US" sz="1400" dirty="0">
                <a:solidFill>
                  <a:schemeClr val="tx1"/>
                </a:solidFill>
                <a:latin typeface="+mn-lt"/>
                <a:ea typeface="Verdana" panose="020B0604030504040204" pitchFamily="34" charset="0"/>
              </a:rPr>
              <a:t>Before the MUS, both manager and employee can choose to share what they would like to discuss at the MUS (not a requirement)</a:t>
            </a:r>
            <a:endParaRPr lang="da-DK" sz="1400" dirty="0">
              <a:solidFill>
                <a:schemeClr val="tx1"/>
              </a:solidFill>
              <a:latin typeface="+mn-lt"/>
              <a:ea typeface="Verdana" panose="020B060403050404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2120346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4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B49B4BE2-BA5E-44BD-9EB1-7EA5F7E10C94}"/>
              </a:ext>
            </a:extLst>
          </p:cNvPr>
          <p:cNvSpPr txBox="1"/>
          <p:nvPr userDrawn="1"/>
        </p:nvSpPr>
        <p:spPr>
          <a:xfrm>
            <a:off x="1054646" y="1080000"/>
            <a:ext cx="4824536" cy="5078313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square" lIns="0" tIns="0" rIns="0" bIns="0" rtlCol="0">
            <a:spAutoFit/>
          </a:bodyPr>
          <a:lstStyle/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r>
              <a:rPr lang="en-US" sz="1800" b="1" dirty="0">
                <a:latin typeface="+mn-lt"/>
              </a:rPr>
              <a:t> Framework for discussing your motivation</a:t>
            </a:r>
          </a:p>
          <a:p>
            <a:pPr marL="85725" algn="l">
              <a:spcBef>
                <a:spcPts val="432"/>
              </a:spcBef>
            </a:pPr>
            <a:endParaRPr lang="da-DK" sz="6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8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1000" dirty="0">
              <a:latin typeface="+mn-lt"/>
            </a:endParaRPr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CF370E97-BF6F-3C93-06BA-3B1C4E08F5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34CC45E5-0A94-B9B6-A1CA-21955F9754C8}"/>
              </a:ext>
            </a:extLst>
          </p:cNvPr>
          <p:cNvSpPr txBox="1"/>
          <p:nvPr userDrawn="1"/>
        </p:nvSpPr>
        <p:spPr>
          <a:xfrm>
            <a:off x="6023198" y="1080000"/>
            <a:ext cx="5580620" cy="5078312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square" lIns="0" tIns="0" rIns="0" bIns="0" rtlCol="0">
            <a:noAutofit/>
          </a:bodyPr>
          <a:lstStyle/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endParaRPr lang="da-DK" sz="500" b="1" dirty="0">
              <a:latin typeface="+mn-lt"/>
            </a:endParaRPr>
          </a:p>
          <a:p>
            <a:pPr marL="85725" algn="l">
              <a:spcBef>
                <a:spcPts val="432"/>
              </a:spcBef>
            </a:pPr>
            <a:r>
              <a:rPr lang="en-US" sz="1800" b="1" dirty="0">
                <a:latin typeface="+mn-lt"/>
              </a:rPr>
              <a:t>Dialogue: What are you passionate about at work?</a:t>
            </a:r>
            <a:r>
              <a:rPr lang="da-DK" sz="1800" b="1" dirty="0">
                <a:latin typeface="+mn-lt"/>
              </a:rPr>
              <a:t>   </a:t>
            </a:r>
          </a:p>
          <a:p>
            <a:pPr marL="85725" algn="l">
              <a:spcBef>
                <a:spcPts val="432"/>
              </a:spcBef>
            </a:pPr>
            <a:endParaRPr lang="da-DK" sz="800" b="1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When do you experience making a difference at work?</a:t>
            </a:r>
            <a:endParaRPr lang="da-DK" dirty="0"/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/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/>
          </a:p>
          <a:p>
            <a:pPr marL="360000" indent="-1841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/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What challenges you at work? </a:t>
            </a:r>
            <a:endParaRPr lang="da-DK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>
              <a:latin typeface="+mn-lt"/>
            </a:endParaRPr>
          </a:p>
          <a:p>
            <a:pPr marL="360000" indent="-184150" algn="l">
              <a:spcBef>
                <a:spcPts val="432"/>
              </a:spcBef>
              <a:buFont typeface="Arial" panose="020B0604020202020204" pitchFamily="34" charset="0"/>
              <a:buChar char="•"/>
              <a:tabLst>
                <a:tab pos="5467350" algn="l"/>
              </a:tabLst>
            </a:pPr>
            <a:r>
              <a:rPr lang="en-US" dirty="0">
                <a:latin typeface="+mn-lt"/>
              </a:rPr>
              <a:t>How do you experience that your competences are being used (and do you have competences that are not brought into play)?</a:t>
            </a:r>
            <a:r>
              <a:rPr lang="da-DK" dirty="0">
                <a:latin typeface="+mn-lt"/>
              </a:rPr>
              <a:t> 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   </a:t>
            </a: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sz="400" dirty="0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9DBDEDA-3C7C-6930-523A-A60C5B388B1A}"/>
              </a:ext>
            </a:extLst>
          </p:cNvPr>
          <p:cNvSpPr txBox="1"/>
          <p:nvPr userDrawn="1"/>
        </p:nvSpPr>
        <p:spPr>
          <a:xfrm>
            <a:off x="1080000" y="450000"/>
            <a:ext cx="9979078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>
                <a:latin typeface="+mj-lt"/>
              </a:rPr>
              <a:t>A. Motivation </a:t>
            </a:r>
            <a:r>
              <a:rPr lang="en-US" dirty="0">
                <a:latin typeface="+mn-lt"/>
              </a:rPr>
              <a:t>(feel free to mark more than one option, give your reasons during your dialogue)</a:t>
            </a:r>
            <a:endParaRPr lang="da-DK" dirty="0">
              <a:latin typeface="+mn-lt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E5E4CFA-01F5-A8C4-1FB1-013C82A71F9D}"/>
              </a:ext>
            </a:extLst>
          </p:cNvPr>
          <p:cNvSpPr txBox="1"/>
          <p:nvPr userDrawn="1"/>
        </p:nvSpPr>
        <p:spPr>
          <a:xfrm>
            <a:off x="1918742" y="1196752"/>
            <a:ext cx="4571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562B37B-86F0-A753-5E83-C52BCE02FB52}"/>
              </a:ext>
            </a:extLst>
          </p:cNvPr>
          <p:cNvSpPr txBox="1"/>
          <p:nvPr userDrawn="1"/>
        </p:nvSpPr>
        <p:spPr>
          <a:xfrm>
            <a:off x="1340175" y="5899044"/>
            <a:ext cx="3794308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sz="1000" i="1" dirty="0">
                <a:solidFill>
                  <a:schemeClr val="bg1">
                    <a:lumMod val="65000"/>
                  </a:schemeClr>
                </a:solidFill>
                <a:latin typeface="+mn-lt"/>
              </a:rPr>
              <a:t>Model inspired by Mihaly Csikszentmihalyi’s flow theory </a:t>
            </a:r>
            <a:r>
              <a:rPr lang="da-DK" sz="1000" i="1" dirty="0">
                <a:solidFill>
                  <a:schemeClr val="bg1">
                    <a:lumMod val="65000"/>
                  </a:schemeClr>
                </a:solidFill>
                <a:latin typeface="+mn-lt"/>
                <a:hlinkClick r:id="rId2"/>
              </a:rPr>
              <a:t>DTU </a:t>
            </a:r>
            <a:r>
              <a:rPr lang="da-DK" sz="1000" i="1" dirty="0" err="1">
                <a:solidFill>
                  <a:schemeClr val="bg1">
                    <a:lumMod val="65000"/>
                  </a:schemeClr>
                </a:solidFill>
                <a:latin typeface="+mn-lt"/>
                <a:hlinkClick r:id="rId2"/>
              </a:rPr>
              <a:t>Findit</a:t>
            </a:r>
            <a:endParaRPr lang="da-DK" sz="1700" i="1" dirty="0">
              <a:solidFill>
                <a:schemeClr val="bg1">
                  <a:lumMod val="65000"/>
                </a:schemeClr>
              </a:solidFill>
              <a:latin typeface="+mn-lt"/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AAFC9C05-1277-D0B0-F698-2D39C5DD5281}"/>
              </a:ext>
            </a:extLst>
          </p:cNvPr>
          <p:cNvCxnSpPr/>
          <p:nvPr userDrawn="1"/>
        </p:nvCxnSpPr>
        <p:spPr bwMode="auto">
          <a:xfrm>
            <a:off x="1486694" y="5445224"/>
            <a:ext cx="396044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F981761D-642E-66CF-1DC4-912C95C9286E}"/>
              </a:ext>
            </a:extLst>
          </p:cNvPr>
          <p:cNvCxnSpPr/>
          <p:nvPr userDrawn="1"/>
        </p:nvCxnSpPr>
        <p:spPr bwMode="auto">
          <a:xfrm flipV="1">
            <a:off x="1486694" y="2030650"/>
            <a:ext cx="0" cy="341457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11583CC1-9F1D-4439-C53C-493A14CAAF74}"/>
              </a:ext>
            </a:extLst>
          </p:cNvPr>
          <p:cNvSpPr txBox="1"/>
          <p:nvPr userDrawn="1"/>
        </p:nvSpPr>
        <p:spPr>
          <a:xfrm>
            <a:off x="2894617" y="5533201"/>
            <a:ext cx="1040349" cy="20005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Competences</a:t>
            </a: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 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55A9EE1-DB92-A1B5-27AA-1FAE47AC6B8B}"/>
              </a:ext>
            </a:extLst>
          </p:cNvPr>
          <p:cNvSpPr txBox="1"/>
          <p:nvPr userDrawn="1"/>
        </p:nvSpPr>
        <p:spPr>
          <a:xfrm rot="16200000">
            <a:off x="859675" y="3637908"/>
            <a:ext cx="880049" cy="20005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Challenges  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EB9B3B55-1E93-79C9-02E1-0F8A0E04604D}"/>
              </a:ext>
            </a:extLst>
          </p:cNvPr>
          <p:cNvGrpSpPr/>
          <p:nvPr userDrawn="1"/>
        </p:nvGrpSpPr>
        <p:grpSpPr>
          <a:xfrm>
            <a:off x="1786725" y="2356418"/>
            <a:ext cx="3286079" cy="2771656"/>
            <a:chOff x="1504855" y="2180830"/>
            <a:chExt cx="3870271" cy="3264394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2444B923-26F8-5888-C981-F33E05C1FACC}"/>
                </a:ext>
              </a:extLst>
            </p:cNvPr>
            <p:cNvCxnSpPr/>
            <p:nvPr/>
          </p:nvCxnSpPr>
          <p:spPr bwMode="auto">
            <a:xfrm flipV="1">
              <a:off x="1558702" y="3137004"/>
              <a:ext cx="3816424" cy="136239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9D77AF83-CCEE-A834-4111-F0BBF22AB2D2}"/>
                </a:ext>
              </a:extLst>
            </p:cNvPr>
            <p:cNvCxnSpPr/>
            <p:nvPr/>
          </p:nvCxnSpPr>
          <p:spPr bwMode="auto">
            <a:xfrm flipV="1">
              <a:off x="2328557" y="2180830"/>
              <a:ext cx="2254481" cy="326439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F6C22154-F534-BAFC-D5BA-4A5112118E81}"/>
                </a:ext>
              </a:extLst>
            </p:cNvPr>
            <p:cNvCxnSpPr/>
            <p:nvPr/>
          </p:nvCxnSpPr>
          <p:spPr bwMode="auto">
            <a:xfrm>
              <a:off x="1585951" y="2311854"/>
              <a:ext cx="3789175" cy="313337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8077CEE0-851C-AEC8-9261-143C1D252855}"/>
                </a:ext>
              </a:extLst>
            </p:cNvPr>
            <p:cNvSpPr txBox="1"/>
            <p:nvPr/>
          </p:nvSpPr>
          <p:spPr>
            <a:xfrm>
              <a:off x="4194175" y="3865195"/>
              <a:ext cx="931997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Control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dirty="0">
                  <a:solidFill>
                    <a:schemeClr val="bg1">
                      <a:lumMod val="65000"/>
                    </a:schemeClr>
                  </a:solidFill>
                  <a:latin typeface="+mn-lt"/>
                </a:rPr>
                <a:t>Kontrol</a:t>
              </a:r>
              <a:r>
                <a:rPr lang="da-DK" dirty="0">
                  <a:latin typeface="+mn-lt"/>
                </a:rPr>
                <a:t> </a:t>
              </a:r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C6BB67CB-DFE4-564F-4D43-275B2CAAD2FD}"/>
                </a:ext>
              </a:extLst>
            </p:cNvPr>
            <p:cNvSpPr txBox="1"/>
            <p:nvPr/>
          </p:nvSpPr>
          <p:spPr>
            <a:xfrm>
              <a:off x="4294116" y="2900955"/>
              <a:ext cx="732116" cy="25374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sz="1400" b="1" dirty="0">
                  <a:latin typeface="+mn-lt"/>
                </a:rPr>
                <a:t>Flow</a:t>
              </a:r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77E46A7A-399E-B8B3-DCE1-C1E5ECE7EDA6}"/>
                </a:ext>
              </a:extLst>
            </p:cNvPr>
            <p:cNvSpPr txBox="1"/>
            <p:nvPr/>
          </p:nvSpPr>
          <p:spPr>
            <a:xfrm>
              <a:off x="2462597" y="2433397"/>
              <a:ext cx="1484405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base" latinLnBrk="0" hangingPunct="1">
                <a:lnSpc>
                  <a:spcPts val="14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sz="1400" b="1" kern="1200" dirty="0" err="1">
                  <a:solidFill>
                    <a:schemeClr val="tx1"/>
                  </a:solidFill>
                  <a:latin typeface="+mn-lt"/>
                  <a:ea typeface="ＭＳ Ｐゴシック" pitchFamily="-80" charset="-128"/>
                  <a:cs typeface="+mn-cs"/>
                </a:rPr>
                <a:t>Curiosity</a:t>
              </a:r>
              <a:endParaRPr lang="da-DK" sz="1400" b="1" kern="1200" dirty="0">
                <a:solidFill>
                  <a:schemeClr val="tx1"/>
                </a:solidFill>
                <a:latin typeface="+mn-lt"/>
                <a:ea typeface="ＭＳ Ｐゴシック" pitchFamily="-80" charset="-128"/>
                <a:cs typeface="+mn-cs"/>
              </a:endParaRP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kern="1200" dirty="0">
                  <a:solidFill>
                    <a:schemeClr val="bg1">
                      <a:lumMod val="65000"/>
                    </a:schemeClr>
                  </a:solidFill>
                  <a:latin typeface="+mn-lt"/>
                  <a:ea typeface="ＭＳ Ｐゴシック" pitchFamily="-80" charset="-128"/>
                  <a:cs typeface="+mn-cs"/>
                </a:rPr>
                <a:t>Nysgerrighed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82FA3640-1B52-DC93-E7BB-82C736529360}"/>
                </a:ext>
              </a:extLst>
            </p:cNvPr>
            <p:cNvSpPr txBox="1"/>
            <p:nvPr/>
          </p:nvSpPr>
          <p:spPr>
            <a:xfrm>
              <a:off x="2913037" y="4896151"/>
              <a:ext cx="1530690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base" latinLnBrk="0" hangingPunct="1">
                <a:lnSpc>
                  <a:spcPts val="14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sz="1400" b="1" kern="1200" dirty="0">
                  <a:solidFill>
                    <a:schemeClr val="tx1"/>
                  </a:solidFill>
                  <a:latin typeface="+mn-lt"/>
                  <a:ea typeface="ＭＳ Ｐゴシック" pitchFamily="-80" charset="-128"/>
                  <a:cs typeface="+mn-cs"/>
                </a:rPr>
                <a:t>Boredom</a:t>
              </a:r>
            </a:p>
            <a:p>
              <a:pPr algn="ctr" rtl="0" fontAlgn="base">
                <a:lnSpc>
                  <a:spcPts val="1400"/>
                </a:lnSpc>
                <a:spcBef>
                  <a:spcPts val="432"/>
                </a:spcBef>
                <a:spcAft>
                  <a:spcPct val="0"/>
                </a:spcAft>
              </a:pPr>
              <a:r>
                <a:rPr lang="da-DK" sz="1400" kern="1200" dirty="0">
                  <a:solidFill>
                    <a:schemeClr val="bg1">
                      <a:lumMod val="65000"/>
                    </a:schemeClr>
                  </a:solidFill>
                  <a:latin typeface="+mn-lt"/>
                  <a:ea typeface="ＭＳ Ｐゴシック" pitchFamily="-80" charset="-128"/>
                  <a:cs typeface="+mn-cs"/>
                </a:rPr>
                <a:t>Kedsomhed</a:t>
              </a: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5D39CE2F-AB22-79B9-6DF7-57113AD8A7B1}"/>
                </a:ext>
              </a:extLst>
            </p:cNvPr>
            <p:cNvSpPr txBox="1"/>
            <p:nvPr/>
          </p:nvSpPr>
          <p:spPr>
            <a:xfrm>
              <a:off x="1504855" y="3436314"/>
              <a:ext cx="1165898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base" latinLnBrk="0" hangingPunct="1">
                <a:lnSpc>
                  <a:spcPts val="14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da-DK" sz="1400" b="1" kern="1200" dirty="0" err="1">
                  <a:solidFill>
                    <a:schemeClr val="tx1"/>
                  </a:solidFill>
                  <a:latin typeface="+mn-lt"/>
                  <a:ea typeface="ＭＳ Ｐゴシック" pitchFamily="-80" charset="-128"/>
                  <a:cs typeface="+mn-cs"/>
                </a:rPr>
                <a:t>Worry</a:t>
              </a:r>
              <a:endParaRPr lang="da-DK" sz="1400" b="1" kern="1200" dirty="0">
                <a:solidFill>
                  <a:schemeClr val="tx1"/>
                </a:solidFill>
                <a:latin typeface="+mn-lt"/>
                <a:ea typeface="ＭＳ Ｐゴシック" pitchFamily="-80" charset="-128"/>
                <a:cs typeface="+mn-cs"/>
              </a:endParaRPr>
            </a:p>
            <a:p>
              <a:pPr algn="ctr" rtl="0" fontAlgn="base">
                <a:lnSpc>
                  <a:spcPts val="1400"/>
                </a:lnSpc>
                <a:spcBef>
                  <a:spcPts val="432"/>
                </a:spcBef>
                <a:spcAft>
                  <a:spcPct val="0"/>
                </a:spcAft>
              </a:pPr>
              <a:r>
                <a:rPr lang="da-DK" sz="1400" kern="1200" dirty="0">
                  <a:solidFill>
                    <a:schemeClr val="bg1">
                      <a:lumMod val="65000"/>
                    </a:schemeClr>
                  </a:solidFill>
                  <a:latin typeface="+mn-lt"/>
                  <a:ea typeface="ＭＳ Ｐゴシック" pitchFamily="-80" charset="-128"/>
                  <a:cs typeface="+mn-cs"/>
                </a:rPr>
                <a:t>Bekymring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B352581C-63AC-EC1E-5AC6-6EFCB91095D1}"/>
                </a:ext>
              </a:extLst>
            </p:cNvPr>
            <p:cNvSpPr txBox="1"/>
            <p:nvPr/>
          </p:nvSpPr>
          <p:spPr>
            <a:xfrm>
              <a:off x="1504855" y="4577065"/>
              <a:ext cx="1165898" cy="483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b="1" kern="1200" dirty="0">
                  <a:solidFill>
                    <a:schemeClr val="tx1"/>
                  </a:solidFill>
                  <a:latin typeface="+mn-lt"/>
                  <a:ea typeface="ＭＳ Ｐゴシック" pitchFamily="-80" charset="-128"/>
                  <a:cs typeface="+mn-cs"/>
                </a:rPr>
                <a:t>Stagnation</a:t>
              </a:r>
            </a:p>
            <a:p>
              <a:pPr algn="ctr">
                <a:lnSpc>
                  <a:spcPts val="1400"/>
                </a:lnSpc>
                <a:spcBef>
                  <a:spcPts val="432"/>
                </a:spcBef>
              </a:pPr>
              <a:r>
                <a:rPr lang="da-DK" sz="1400" kern="1200" dirty="0">
                  <a:solidFill>
                    <a:schemeClr val="bg1">
                      <a:lumMod val="65000"/>
                    </a:schemeClr>
                  </a:solidFill>
                  <a:latin typeface="+mn-lt"/>
                  <a:ea typeface="ＭＳ Ｐゴシック" pitchFamily="-80" charset="-128"/>
                  <a:cs typeface="+mn-cs"/>
                </a:rPr>
                <a:t>Stilstand  </a:t>
              </a:r>
              <a:r>
                <a:rPr lang="da-DK" dirty="0">
                  <a:latin typeface="+mn-lt"/>
                </a:rPr>
                <a:t> </a:t>
              </a:r>
            </a:p>
          </p:txBody>
        </p:sp>
      </p:grpSp>
      <p:sp>
        <p:nvSpPr>
          <p:cNvPr id="24" name="TextBox 23">
            <a:extLst>
              <a:ext uri="{FF2B5EF4-FFF2-40B4-BE49-F238E27FC236}">
                <a16:creationId xmlns:a16="http://schemas.microsoft.com/office/drawing/2014/main" id="{C0093DE9-B6EF-425D-D42C-903486578C4A}"/>
              </a:ext>
            </a:extLst>
          </p:cNvPr>
          <p:cNvSpPr txBox="1"/>
          <p:nvPr userDrawn="1"/>
        </p:nvSpPr>
        <p:spPr>
          <a:xfrm>
            <a:off x="4963441" y="5517889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High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CE83A89D-76DA-D827-4138-25FAF128D414}"/>
              </a:ext>
            </a:extLst>
          </p:cNvPr>
          <p:cNvSpPr txBox="1"/>
          <p:nvPr userDrawn="1"/>
        </p:nvSpPr>
        <p:spPr>
          <a:xfrm rot="16200000">
            <a:off x="715741" y="1793249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High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A14C34B-206A-2D2A-EFA5-C23C71F8AC25}"/>
              </a:ext>
            </a:extLst>
          </p:cNvPr>
          <p:cNvSpPr txBox="1"/>
          <p:nvPr userDrawn="1"/>
        </p:nvSpPr>
        <p:spPr>
          <a:xfrm rot="16200000">
            <a:off x="704949" y="4632002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Low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8B0856AC-D0E0-DEAF-718A-746F84E5337F}"/>
              </a:ext>
            </a:extLst>
          </p:cNvPr>
          <p:cNvSpPr txBox="1"/>
          <p:nvPr userDrawn="1"/>
        </p:nvSpPr>
        <p:spPr>
          <a:xfrm>
            <a:off x="1616940" y="5517812"/>
            <a:ext cx="1165898" cy="2000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3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Low</a:t>
            </a:r>
          </a:p>
        </p:txBody>
      </p:sp>
      <p:sp>
        <p:nvSpPr>
          <p:cNvPr id="28" name="Slide Number Placeholder 27">
            <a:extLst>
              <a:ext uri="{FF2B5EF4-FFF2-40B4-BE49-F238E27FC236}">
                <a16:creationId xmlns:a16="http://schemas.microsoft.com/office/drawing/2014/main" id="{A6E899E4-B64A-2D82-523E-D7B8A4F62E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7C370DD4-7CA6-7A8E-78CA-26F0C6849B78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54775" y="2133600"/>
            <a:ext cx="4681538" cy="97136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1" name="Text Placeholder 29">
            <a:extLst>
              <a:ext uri="{FF2B5EF4-FFF2-40B4-BE49-F238E27FC236}">
                <a16:creationId xmlns:a16="http://schemas.microsoft.com/office/drawing/2014/main" id="{9BA50FB4-12FE-58D3-EDFA-11B35075F8C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6445443" y="3415792"/>
            <a:ext cx="4681538" cy="97136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2" name="Text Placeholder 29">
            <a:extLst>
              <a:ext uri="{FF2B5EF4-FFF2-40B4-BE49-F238E27FC236}">
                <a16:creationId xmlns:a16="http://schemas.microsoft.com/office/drawing/2014/main" id="{4F170CAD-6DE0-0F05-F233-E619C6DE78BE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445443" y="5157192"/>
            <a:ext cx="4681538" cy="971363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61616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23291896-B2E5-494C-E62D-1CA2D0CDE9E1}"/>
              </a:ext>
            </a:extLst>
          </p:cNvPr>
          <p:cNvSpPr txBox="1">
            <a:spLocks/>
          </p:cNvSpPr>
          <p:nvPr userDrawn="1"/>
        </p:nvSpPr>
        <p:spPr bwMode="auto">
          <a:xfrm>
            <a:off x="5112428" y="1080000"/>
            <a:ext cx="6743418" cy="4852988"/>
          </a:xfrm>
          <a:prstGeom prst="rect">
            <a:avLst/>
          </a:prstGeom>
          <a:noFill/>
          <a:ln w="12700"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95250" indent="0">
              <a:buNone/>
            </a:pPr>
            <a:endParaRPr lang="da-DK" sz="800" kern="0" dirty="0"/>
          </a:p>
          <a:p>
            <a:pPr marL="95250" indent="0">
              <a:buNone/>
            </a:pPr>
            <a:r>
              <a:rPr lang="da-DK" sz="1600" b="1" kern="0" dirty="0"/>
              <a:t>  Tasks </a:t>
            </a:r>
            <a:r>
              <a:rPr lang="da-DK" sz="1600" kern="0" dirty="0"/>
              <a:t>(</a:t>
            </a:r>
            <a:r>
              <a:rPr lang="da-DK" sz="1600" kern="0" dirty="0" err="1"/>
              <a:t>until</a:t>
            </a:r>
            <a:r>
              <a:rPr lang="da-DK" sz="1600" kern="0" dirty="0"/>
              <a:t> </a:t>
            </a:r>
            <a:r>
              <a:rPr lang="da-DK" sz="1600" kern="0" dirty="0" err="1"/>
              <a:t>next</a:t>
            </a:r>
            <a:r>
              <a:rPr lang="da-DK" sz="1600" kern="0" dirty="0"/>
              <a:t> MUS) 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09A001A2-F061-1A89-0CB2-FC04BE9F73CF}"/>
              </a:ext>
            </a:extLst>
          </p:cNvPr>
          <p:cNvSpPr/>
          <p:nvPr userDrawn="1"/>
        </p:nvSpPr>
        <p:spPr bwMode="auto">
          <a:xfrm>
            <a:off x="5762059" y="2914252"/>
            <a:ext cx="2799107" cy="2538292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53E1EDAE-C665-663D-2751-058F82CD7594}"/>
              </a:ext>
            </a:extLst>
          </p:cNvPr>
          <p:cNvSpPr/>
          <p:nvPr userDrawn="1"/>
        </p:nvSpPr>
        <p:spPr bwMode="auto">
          <a:xfrm>
            <a:off x="7474036" y="1628800"/>
            <a:ext cx="2799107" cy="2538292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44FEA0D-ED37-4F98-E905-CDD2AC8F97B4}"/>
              </a:ext>
            </a:extLst>
          </p:cNvPr>
          <p:cNvSpPr/>
          <p:nvPr userDrawn="1"/>
        </p:nvSpPr>
        <p:spPr bwMode="auto">
          <a:xfrm>
            <a:off x="8136332" y="3492440"/>
            <a:ext cx="2657181" cy="2351314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2152B50-AE90-ADD8-2537-AE6ED0A7C29C}"/>
              </a:ext>
            </a:extLst>
          </p:cNvPr>
          <p:cNvSpPr txBox="1"/>
          <p:nvPr userDrawn="1"/>
        </p:nvSpPr>
        <p:spPr>
          <a:xfrm>
            <a:off x="9529422" y="1685294"/>
            <a:ext cx="1426324" cy="1077218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Tasks that contributes to DTU keeping up with developments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83170E3-4C91-87E5-5E4A-DFB485754E46}"/>
              </a:ext>
            </a:extLst>
          </p:cNvPr>
          <p:cNvSpPr txBox="1"/>
          <p:nvPr userDrawn="1"/>
        </p:nvSpPr>
        <p:spPr>
          <a:xfrm>
            <a:off x="5353354" y="2674321"/>
            <a:ext cx="1767751" cy="86177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Tasks that contributes to  making me thrive and boost my performance</a:t>
            </a:r>
            <a:endParaRPr lang="da-DK" sz="1400" i="1" dirty="0">
              <a:solidFill>
                <a:schemeClr val="bg1">
                  <a:lumMod val="50000"/>
                </a:schemeClr>
              </a:solidFill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C3BAD70-9203-6B2F-DC5F-F07F0B02CD6F}"/>
              </a:ext>
            </a:extLst>
          </p:cNvPr>
          <p:cNvSpPr txBox="1"/>
          <p:nvPr userDrawn="1"/>
        </p:nvSpPr>
        <p:spPr>
          <a:xfrm>
            <a:off x="10092264" y="3934797"/>
            <a:ext cx="1683928" cy="64633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Task that contributes to the daily operation of the unit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514E638-6216-26F2-7BE2-D8953D10124A}"/>
              </a:ext>
            </a:extLst>
          </p:cNvPr>
          <p:cNvSpPr txBox="1"/>
          <p:nvPr userDrawn="1"/>
        </p:nvSpPr>
        <p:spPr>
          <a:xfrm>
            <a:off x="1080000" y="450000"/>
            <a:ext cx="10235760" cy="10361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B. Tasks </a:t>
            </a:r>
            <a:r>
              <a:rPr lang="en-US" dirty="0">
                <a:latin typeface="+mn-lt"/>
              </a:rPr>
              <a:t>(dialogue based on the recognition that well-being supports performance)</a:t>
            </a:r>
            <a:r>
              <a:rPr lang="da-DK" dirty="0"/>
              <a:t/>
            </a:r>
            <a:br>
              <a:rPr lang="da-DK" dirty="0"/>
            </a:br>
            <a:endParaRPr lang="da-DK" dirty="0"/>
          </a:p>
          <a:p>
            <a:pPr>
              <a:spcBef>
                <a:spcPts val="432"/>
              </a:spcBef>
            </a:pPr>
            <a:endParaRPr lang="da-DK" dirty="0">
              <a:latin typeface="+mj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F3EC542-3147-D496-F7C0-86EF5BC41D1F}"/>
              </a:ext>
            </a:extLst>
          </p:cNvPr>
          <p:cNvSpPr txBox="1"/>
          <p:nvPr userDrawn="1"/>
        </p:nvSpPr>
        <p:spPr>
          <a:xfrm>
            <a:off x="1174224" y="1166555"/>
            <a:ext cx="303172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600" b="1" dirty="0">
                <a:latin typeface="+mn-lt"/>
              </a:rPr>
              <a:t> </a:t>
            </a:r>
            <a:r>
              <a:rPr lang="da-DK" sz="1600" b="1" dirty="0" err="1">
                <a:latin typeface="+mn-lt"/>
              </a:rPr>
              <a:t>Primary</a:t>
            </a:r>
            <a:r>
              <a:rPr lang="da-DK" sz="1600" b="1" dirty="0">
                <a:latin typeface="+mn-lt"/>
              </a:rPr>
              <a:t> </a:t>
            </a:r>
            <a:r>
              <a:rPr lang="da-DK" sz="1600" b="1" dirty="0" err="1">
                <a:latin typeface="+mn-lt"/>
              </a:rPr>
              <a:t>results</a:t>
            </a:r>
            <a:r>
              <a:rPr lang="da-DK" sz="1600" b="1" dirty="0">
                <a:latin typeface="+mn-lt"/>
              </a:rPr>
              <a:t> </a:t>
            </a:r>
            <a:r>
              <a:rPr lang="da-DK" sz="1600" dirty="0">
                <a:latin typeface="+mn-lt"/>
              </a:rPr>
              <a:t>(</a:t>
            </a:r>
            <a:r>
              <a:rPr lang="da-DK" sz="1600" dirty="0" err="1">
                <a:latin typeface="+mn-lt"/>
              </a:rPr>
              <a:t>since</a:t>
            </a:r>
            <a:r>
              <a:rPr lang="da-DK" sz="1600" dirty="0">
                <a:latin typeface="+mn-lt"/>
              </a:rPr>
              <a:t> last MUS)</a:t>
            </a:r>
            <a:endParaRPr lang="en-GB" dirty="0" err="1">
              <a:latin typeface="+mn-lt"/>
            </a:endParaRP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B6095FE0-0095-2E93-9185-C10ECFA8FB6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774825" y="1844675"/>
            <a:ext cx="3024188" cy="576213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Text Placeholder 16">
            <a:extLst>
              <a:ext uri="{FF2B5EF4-FFF2-40B4-BE49-F238E27FC236}">
                <a16:creationId xmlns:a16="http://schemas.microsoft.com/office/drawing/2014/main" id="{156A52F1-D567-9D99-3AFC-5174DFEFEF8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774825" y="2590030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Text Placeholder 16">
            <a:extLst>
              <a:ext uri="{FF2B5EF4-FFF2-40B4-BE49-F238E27FC236}">
                <a16:creationId xmlns:a16="http://schemas.microsoft.com/office/drawing/2014/main" id="{26F9FF66-9BBA-DE8A-21EE-C1E57C86742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774825" y="3335386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C3A7EA-29CA-EE9A-3D8A-10C28D21E2D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774825" y="4080742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3051E141-A046-9E02-02BF-CB20B9B2272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774825" y="4826100"/>
            <a:ext cx="3024188" cy="57621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9B4918B9-AA17-A1AC-E7DC-6979A94248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6240" y="2174518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7" name="Text Placeholder 23">
            <a:extLst>
              <a:ext uri="{FF2B5EF4-FFF2-40B4-BE49-F238E27FC236}">
                <a16:creationId xmlns:a16="http://schemas.microsoft.com/office/drawing/2014/main" id="{528BCDF9-7D36-6FEB-6FEC-E8F5C84518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3496" y="3588904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8" name="Text Placeholder 23">
            <a:extLst>
              <a:ext uri="{FF2B5EF4-FFF2-40B4-BE49-F238E27FC236}">
                <a16:creationId xmlns:a16="http://schemas.microsoft.com/office/drawing/2014/main" id="{7042C38C-92AF-8C33-7D7F-71562AD8F14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8640820" y="4247579"/>
            <a:ext cx="1943182" cy="131792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5ADBBAB5-70FC-91C2-B0C5-D8BA7CFE1E26}"/>
              </a:ext>
            </a:extLst>
          </p:cNvPr>
          <p:cNvSpPr txBox="1"/>
          <p:nvPr userDrawn="1"/>
        </p:nvSpPr>
        <p:spPr>
          <a:xfrm>
            <a:off x="1118559" y="1083788"/>
            <a:ext cx="3844800" cy="4849200"/>
          </a:xfrm>
          <a:prstGeom prst="rect">
            <a:avLst/>
          </a:prstGeom>
          <a:noFill/>
          <a:ln w="12700">
            <a:solidFill>
              <a:srgbClr val="FC7634"/>
            </a:solidFill>
          </a:ln>
        </p:spPr>
        <p:txBody>
          <a:bodyPr wrap="none" lIns="0" tIns="0" rIns="0" bIns="0" rtlCol="0">
            <a:noAutofit/>
          </a:bodyPr>
          <a:lstStyle/>
          <a:p>
            <a:pPr marL="312300" indent="0" algn="l">
              <a:lnSpc>
                <a:spcPct val="250000"/>
              </a:lnSpc>
              <a:spcBef>
                <a:spcPts val="432"/>
              </a:spcBef>
              <a:buFont typeface="+mj-lt"/>
              <a:buNone/>
            </a:pPr>
            <a:endParaRPr lang="en-GB" sz="1200" dirty="0">
              <a:latin typeface="+mn-lt"/>
            </a:endParaRP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  <a:p>
            <a:pPr marL="655200" indent="-342900" algn="l">
              <a:lnSpc>
                <a:spcPct val="250000"/>
              </a:lnSpc>
              <a:spcBef>
                <a:spcPts val="432"/>
              </a:spcBef>
              <a:buFont typeface="+mj-lt"/>
              <a:buAutoNum type="alphaLcParenR"/>
            </a:pPr>
            <a:r>
              <a:rPr lang="en-GB" sz="1800" dirty="0">
                <a:latin typeface="+mn-lt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3543537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BEAD272-270C-EE6D-A060-4659535526AE}"/>
              </a:ext>
            </a:extLst>
          </p:cNvPr>
          <p:cNvGrpSpPr/>
          <p:nvPr userDrawn="1"/>
        </p:nvGrpSpPr>
        <p:grpSpPr>
          <a:xfrm>
            <a:off x="2142121" y="1484784"/>
            <a:ext cx="8274220" cy="4650556"/>
            <a:chOff x="2142121" y="1484784"/>
            <a:chExt cx="8274220" cy="4650556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85166437-D2FA-D681-9A52-7C7E0FF68D8B}"/>
                </a:ext>
              </a:extLst>
            </p:cNvPr>
            <p:cNvCxnSpPr>
              <a:endCxn id="38" idx="7"/>
            </p:cNvCxnSpPr>
            <p:nvPr/>
          </p:nvCxnSpPr>
          <p:spPr bwMode="auto">
            <a:xfrm flipH="1">
              <a:off x="2922610" y="4192567"/>
              <a:ext cx="1579873" cy="872389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BDD9C0A3-D8E7-CB8D-DD77-9A4168C9C2B4}"/>
                </a:ext>
              </a:extLst>
            </p:cNvPr>
            <p:cNvSpPr/>
            <p:nvPr/>
          </p:nvSpPr>
          <p:spPr bwMode="auto">
            <a:xfrm>
              <a:off x="6211888" y="3372021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A98A63FC-D0B6-8CD0-599E-46780F0C183B}"/>
                </a:ext>
              </a:extLst>
            </p:cNvPr>
            <p:cNvSpPr/>
            <p:nvPr/>
          </p:nvSpPr>
          <p:spPr bwMode="auto">
            <a:xfrm>
              <a:off x="8742620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B6D13EF6-DA21-F80A-6E7A-024896B8D844}"/>
                </a:ext>
              </a:extLst>
            </p:cNvPr>
            <p:cNvSpPr/>
            <p:nvPr/>
          </p:nvSpPr>
          <p:spPr bwMode="auto">
            <a:xfrm>
              <a:off x="5256958" y="43081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0F92CF7D-8415-908F-41D5-A6834902124E}"/>
                </a:ext>
              </a:extLst>
            </p:cNvPr>
            <p:cNvSpPr/>
            <p:nvPr/>
          </p:nvSpPr>
          <p:spPr bwMode="auto">
            <a:xfrm>
              <a:off x="4427301" y="3325232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2DA464F-CEA6-F854-E768-E34C1D5B2380}"/>
                </a:ext>
              </a:extLst>
            </p:cNvPr>
            <p:cNvSpPr/>
            <p:nvPr/>
          </p:nvSpPr>
          <p:spPr bwMode="auto">
            <a:xfrm>
              <a:off x="7816811" y="339293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D0CC4285-97A9-A426-03B9-140504C9CAC7}"/>
                </a:ext>
              </a:extLst>
            </p:cNvPr>
            <p:cNvSpPr/>
            <p:nvPr/>
          </p:nvSpPr>
          <p:spPr bwMode="auto">
            <a:xfrm>
              <a:off x="3452614" y="4257821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AA3DAF73-345A-191E-E74F-1C2443A78E74}"/>
                </a:ext>
              </a:extLst>
            </p:cNvPr>
            <p:cNvSpPr/>
            <p:nvPr/>
          </p:nvSpPr>
          <p:spPr bwMode="auto">
            <a:xfrm>
              <a:off x="5380298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AE86E0DC-FB85-2F51-E046-563692F46826}"/>
                </a:ext>
              </a:extLst>
            </p:cNvPr>
            <p:cNvSpPr/>
            <p:nvPr/>
          </p:nvSpPr>
          <p:spPr bwMode="auto">
            <a:xfrm>
              <a:off x="8919217" y="4236117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6A62910E-6D4A-B3BA-F962-3C502777B496}"/>
                </a:ext>
              </a:extLst>
            </p:cNvPr>
            <p:cNvSpPr/>
            <p:nvPr/>
          </p:nvSpPr>
          <p:spPr bwMode="auto">
            <a:xfrm>
              <a:off x="7239148" y="2360866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EC505D6A-CB0B-77A1-F069-BDFECAE6D3E3}"/>
                </a:ext>
              </a:extLst>
            </p:cNvPr>
            <p:cNvSpPr/>
            <p:nvPr/>
          </p:nvSpPr>
          <p:spPr bwMode="auto">
            <a:xfrm>
              <a:off x="6313488" y="1484784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456EDDE2-4281-A8DD-662E-61FC4C780EAB}"/>
                </a:ext>
              </a:extLst>
            </p:cNvPr>
            <p:cNvSpPr/>
            <p:nvPr/>
          </p:nvSpPr>
          <p:spPr bwMode="auto">
            <a:xfrm>
              <a:off x="8274011" y="51939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7D18BBF0-4E8D-A39C-B7EE-D8FE15D7F6B3}"/>
                </a:ext>
              </a:extLst>
            </p:cNvPr>
            <p:cNvSpPr/>
            <p:nvPr/>
          </p:nvSpPr>
          <p:spPr bwMode="auto">
            <a:xfrm>
              <a:off x="6370162" y="522094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533DF085-3FA9-A7F0-AD8C-1E49A6F879D9}"/>
                </a:ext>
              </a:extLst>
            </p:cNvPr>
            <p:cNvSpPr/>
            <p:nvPr/>
          </p:nvSpPr>
          <p:spPr bwMode="auto">
            <a:xfrm>
              <a:off x="9119542" y="3300013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A1F0E4BD-1F53-83A3-32A2-A68074E88405}"/>
                </a:ext>
              </a:extLst>
            </p:cNvPr>
            <p:cNvSpPr/>
            <p:nvPr/>
          </p:nvSpPr>
          <p:spPr bwMode="auto">
            <a:xfrm>
              <a:off x="3646984" y="2349100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24CCC04-9429-259E-C68C-5ADD9CE05A0F}"/>
                </a:ext>
              </a:extLst>
            </p:cNvPr>
            <p:cNvCxnSpPr/>
            <p:nvPr/>
          </p:nvCxnSpPr>
          <p:spPr bwMode="auto">
            <a:xfrm flipV="1">
              <a:off x="6933828" y="3079705"/>
              <a:ext cx="305320" cy="31322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3FFA8B4F-3CC7-1E9F-C35E-C5937B786B91}"/>
                </a:ext>
              </a:extLst>
            </p:cNvPr>
            <p:cNvCxnSpPr/>
            <p:nvPr/>
          </p:nvCxnSpPr>
          <p:spPr bwMode="auto">
            <a:xfrm>
              <a:off x="6160787" y="3155997"/>
              <a:ext cx="209375" cy="25157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F106E6D3-F4DA-794F-CDC7-C05DB2AD13CB}"/>
                </a:ext>
              </a:extLst>
            </p:cNvPr>
            <p:cNvCxnSpPr/>
            <p:nvPr/>
          </p:nvCxnSpPr>
          <p:spPr bwMode="auto">
            <a:xfrm>
              <a:off x="4421009" y="3187023"/>
              <a:ext cx="209375" cy="251575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96B61124-C747-A3CA-223F-4D5279FB4F46}"/>
                </a:ext>
              </a:extLst>
            </p:cNvPr>
            <p:cNvCxnSpPr/>
            <p:nvPr/>
          </p:nvCxnSpPr>
          <p:spPr bwMode="auto">
            <a:xfrm>
              <a:off x="5397836" y="3814510"/>
              <a:ext cx="701192" cy="14711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23110BC1-16C8-2FDE-1C84-A2D947580A6C}"/>
                </a:ext>
              </a:extLst>
            </p:cNvPr>
            <p:cNvCxnSpPr/>
            <p:nvPr/>
          </p:nvCxnSpPr>
          <p:spPr bwMode="auto">
            <a:xfrm>
              <a:off x="4639903" y="2972093"/>
              <a:ext cx="1497421" cy="615952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863424E6-5B93-C36D-C311-115DA44FC30A}"/>
                </a:ext>
              </a:extLst>
            </p:cNvPr>
            <p:cNvCxnSpPr>
              <a:endCxn id="8" idx="0"/>
            </p:cNvCxnSpPr>
            <p:nvPr/>
          </p:nvCxnSpPr>
          <p:spPr bwMode="auto">
            <a:xfrm flipH="1">
              <a:off x="6669088" y="2491741"/>
              <a:ext cx="31902" cy="88028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AB51AD8E-5816-8EB7-6742-F49E768FDBE0}"/>
                </a:ext>
              </a:extLst>
            </p:cNvPr>
            <p:cNvCxnSpPr/>
            <p:nvPr/>
          </p:nvCxnSpPr>
          <p:spPr bwMode="auto">
            <a:xfrm flipH="1">
              <a:off x="6137324" y="4164385"/>
              <a:ext cx="237991" cy="21602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C3D4A830-7526-BECC-228B-7681F231504B}"/>
                </a:ext>
              </a:extLst>
            </p:cNvPr>
            <p:cNvCxnSpPr/>
            <p:nvPr/>
          </p:nvCxnSpPr>
          <p:spPr bwMode="auto">
            <a:xfrm flipH="1">
              <a:off x="4449463" y="4020093"/>
              <a:ext cx="1740212" cy="491531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3973E8CE-DCB1-D223-BD2A-D754174C5CD3}"/>
                </a:ext>
              </a:extLst>
            </p:cNvPr>
            <p:cNvCxnSpPr/>
            <p:nvPr/>
          </p:nvCxnSpPr>
          <p:spPr bwMode="auto">
            <a:xfrm>
              <a:off x="6729871" y="4344858"/>
              <a:ext cx="40817" cy="84681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5C99C74-1074-BD58-F145-649A47FC06CA}"/>
                </a:ext>
              </a:extLst>
            </p:cNvPr>
            <p:cNvCxnSpPr/>
            <p:nvPr/>
          </p:nvCxnSpPr>
          <p:spPr bwMode="auto">
            <a:xfrm>
              <a:off x="6980427" y="4135623"/>
              <a:ext cx="304135" cy="230144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1C0DE22C-B1CE-60DF-1900-856B4D512899}"/>
                </a:ext>
              </a:extLst>
            </p:cNvPr>
            <p:cNvCxnSpPr/>
            <p:nvPr/>
          </p:nvCxnSpPr>
          <p:spPr bwMode="auto">
            <a:xfrm>
              <a:off x="6933828" y="4286421"/>
              <a:ext cx="1402665" cy="1101824"/>
            </a:xfrm>
            <a:prstGeom prst="line">
              <a:avLst/>
            </a:prstGeom>
            <a:ln w="9525" cap="flat" cmpd="sng" algn="ctr">
              <a:solidFill>
                <a:schemeClr val="dk1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61EAA045-4A54-1976-8BB7-83C0CD8120A4}"/>
                </a:ext>
              </a:extLst>
            </p:cNvPr>
            <p:cNvSpPr/>
            <p:nvPr/>
          </p:nvSpPr>
          <p:spPr bwMode="auto">
            <a:xfrm>
              <a:off x="7239148" y="430812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7FF1D990-F2DA-A676-3EA2-2F3AD4766C65}"/>
                </a:ext>
              </a:extLst>
            </p:cNvPr>
            <p:cNvCxnSpPr/>
            <p:nvPr/>
          </p:nvCxnSpPr>
          <p:spPr bwMode="auto">
            <a:xfrm>
              <a:off x="7177384" y="3801012"/>
              <a:ext cx="577507" cy="735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400C439A-AC73-7C55-10CE-19FC8FB10F81}"/>
                </a:ext>
              </a:extLst>
            </p:cNvPr>
            <p:cNvCxnSpPr/>
            <p:nvPr/>
          </p:nvCxnSpPr>
          <p:spPr bwMode="auto">
            <a:xfrm flipV="1">
              <a:off x="7115339" y="3000359"/>
              <a:ext cx="1656534" cy="709998"/>
            </a:xfrm>
            <a:prstGeom prst="line">
              <a:avLst/>
            </a:prstGeom>
            <a:ln w="9525" cap="flat" cmpd="sng" algn="ctr">
              <a:solidFill>
                <a:schemeClr val="dk1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A6901EDD-577D-88F9-1153-7846AFC113B0}"/>
                </a:ext>
              </a:extLst>
            </p:cNvPr>
            <p:cNvSpPr/>
            <p:nvPr/>
          </p:nvSpPr>
          <p:spPr bwMode="auto">
            <a:xfrm>
              <a:off x="2267114" y="3532363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9672FA5F-3E08-A43A-5BCE-51EDE4F3DA7A}"/>
                </a:ext>
              </a:extLst>
            </p:cNvPr>
            <p:cNvCxnSpPr/>
            <p:nvPr/>
          </p:nvCxnSpPr>
          <p:spPr bwMode="auto">
            <a:xfrm flipH="1" flipV="1">
              <a:off x="3286894" y="3934419"/>
              <a:ext cx="1041755" cy="1366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74059455-F607-A78A-DA0E-066D7B5C89BB}"/>
                </a:ext>
              </a:extLst>
            </p:cNvPr>
            <p:cNvSpPr/>
            <p:nvPr/>
          </p:nvSpPr>
          <p:spPr bwMode="auto">
            <a:xfrm>
              <a:off x="2142121" y="4931045"/>
              <a:ext cx="914400" cy="914400"/>
            </a:xfrm>
            <a:prstGeom prst="ellipse">
              <a:avLst/>
            </a:prstGeom>
            <a:solidFill>
              <a:schemeClr val="bg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D6CB6457-90D7-36FA-59C6-51FFFE857ED4}"/>
                </a:ext>
              </a:extLst>
            </p:cNvPr>
            <p:cNvCxnSpPr/>
            <p:nvPr/>
          </p:nvCxnSpPr>
          <p:spPr bwMode="auto">
            <a:xfrm flipH="1" flipV="1">
              <a:off x="2422798" y="2349100"/>
              <a:ext cx="1080121" cy="301478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651C0A2F-5884-C707-9671-931B51E1040A}"/>
                </a:ext>
              </a:extLst>
            </p:cNvPr>
            <p:cNvCxnSpPr/>
            <p:nvPr/>
          </p:nvCxnSpPr>
          <p:spPr bwMode="auto">
            <a:xfrm flipH="1" flipV="1">
              <a:off x="4525696" y="1678181"/>
              <a:ext cx="934710" cy="67864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04078602-6A67-A8E5-8C74-67C3A99AA7F9}"/>
                </a:ext>
              </a:extLst>
            </p:cNvPr>
            <p:cNvCxnSpPr/>
            <p:nvPr/>
          </p:nvCxnSpPr>
          <p:spPr bwMode="auto">
            <a:xfrm flipH="1" flipV="1">
              <a:off x="9855589" y="4970686"/>
              <a:ext cx="560752" cy="417559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40391ACF-4F90-917F-8C2B-1BA5357177D7}"/>
                </a:ext>
              </a:extLst>
            </p:cNvPr>
            <p:cNvCxnSpPr/>
            <p:nvPr/>
          </p:nvCxnSpPr>
          <p:spPr bwMode="auto">
            <a:xfrm flipH="1" flipV="1">
              <a:off x="8658354" y="4267664"/>
              <a:ext cx="255802" cy="143643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43" name="TextBox 42">
            <a:extLst>
              <a:ext uri="{FF2B5EF4-FFF2-40B4-BE49-F238E27FC236}">
                <a16:creationId xmlns:a16="http://schemas.microsoft.com/office/drawing/2014/main" id="{37D9EDEE-53E6-086B-DB41-D76AD3D29B40}"/>
              </a:ext>
            </a:extLst>
          </p:cNvPr>
          <p:cNvSpPr txBox="1"/>
          <p:nvPr userDrawn="1"/>
        </p:nvSpPr>
        <p:spPr>
          <a:xfrm>
            <a:off x="1080000" y="450000"/>
            <a:ext cx="10235760" cy="789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C. Relations and </a:t>
            </a:r>
            <a:r>
              <a:rPr lang="da-DK" sz="3200" dirty="0" err="1">
                <a:latin typeface="+mj-lt"/>
              </a:rPr>
              <a:t>collaboration</a:t>
            </a:r>
            <a:r>
              <a:rPr lang="da-DK" sz="3200" dirty="0">
                <a:latin typeface="+mj-lt"/>
              </a:rPr>
              <a:t> </a:t>
            </a:r>
            <a:endParaRPr lang="da-DK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(</a:t>
            </a:r>
            <a:r>
              <a:rPr lang="en-US" dirty="0">
                <a:latin typeface="+mn-lt"/>
              </a:rPr>
              <a:t>who do you work with the most, fill in the circles</a:t>
            </a:r>
            <a:r>
              <a:rPr lang="da-DK" dirty="0">
                <a:latin typeface="+mn-lt"/>
              </a:rPr>
              <a:t>) </a:t>
            </a:r>
          </a:p>
        </p:txBody>
      </p:sp>
      <p:sp>
        <p:nvSpPr>
          <p:cNvPr id="45" name="Text Placeholder 44">
            <a:extLst>
              <a:ext uri="{FF2B5EF4-FFF2-40B4-BE49-F238E27FC236}">
                <a16:creationId xmlns:a16="http://schemas.microsoft.com/office/drawing/2014/main" id="{5786E6A7-ABF8-1A2F-493F-32C5DEB7AB5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370638" y="3532188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6" name="Text Placeholder 44">
            <a:extLst>
              <a:ext uri="{FF2B5EF4-FFF2-40B4-BE49-F238E27FC236}">
                <a16:creationId xmlns:a16="http://schemas.microsoft.com/office/drawing/2014/main" id="{5EF221A4-B40A-FDC0-4C5D-87B647D3AC83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3749446" y="2513546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7" name="Text Placeholder 44">
            <a:extLst>
              <a:ext uri="{FF2B5EF4-FFF2-40B4-BE49-F238E27FC236}">
                <a16:creationId xmlns:a16="http://schemas.microsoft.com/office/drawing/2014/main" id="{AF6A4E57-65E5-E572-DB22-A486794AC0C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505722" y="2534434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8" name="Text Placeholder 44">
            <a:extLst>
              <a:ext uri="{FF2B5EF4-FFF2-40B4-BE49-F238E27FC236}">
                <a16:creationId xmlns:a16="http://schemas.microsoft.com/office/drawing/2014/main" id="{C8695FBD-7EFD-AEFB-C29E-95FA3C6D4BA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474122" y="164946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9" name="Text Placeholder 44">
            <a:extLst>
              <a:ext uri="{FF2B5EF4-FFF2-40B4-BE49-F238E27FC236}">
                <a16:creationId xmlns:a16="http://schemas.microsoft.com/office/drawing/2014/main" id="{2D2DC1AB-AD04-14F3-10AC-8773AA7C0E4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7364843" y="249174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0" name="Text Placeholder 44">
            <a:extLst>
              <a:ext uri="{FF2B5EF4-FFF2-40B4-BE49-F238E27FC236}">
                <a16:creationId xmlns:a16="http://schemas.microsoft.com/office/drawing/2014/main" id="{DB3BFAA3-11EE-0938-A227-ED18528C6CA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8914156" y="2418110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1" name="Text Placeholder 44">
            <a:extLst>
              <a:ext uri="{FF2B5EF4-FFF2-40B4-BE49-F238E27FC236}">
                <a16:creationId xmlns:a16="http://schemas.microsoft.com/office/drawing/2014/main" id="{6C770CB5-7F24-D29A-57B4-E43660827CB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7935509" y="3496890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2" name="Text Placeholder 44">
            <a:extLst>
              <a:ext uri="{FF2B5EF4-FFF2-40B4-BE49-F238E27FC236}">
                <a16:creationId xmlns:a16="http://schemas.microsoft.com/office/drawing/2014/main" id="{41D8EA5C-9A0F-AFFA-645D-F5326283487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552291" y="340873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3" name="Text Placeholder 44">
            <a:extLst>
              <a:ext uri="{FF2B5EF4-FFF2-40B4-BE49-F238E27FC236}">
                <a16:creationId xmlns:a16="http://schemas.microsoft.com/office/drawing/2014/main" id="{30529E72-31D6-9F74-243E-178B125861D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398066" y="378243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4" name="Text Placeholder 44">
            <a:extLst>
              <a:ext uri="{FF2B5EF4-FFF2-40B4-BE49-F238E27FC236}">
                <a16:creationId xmlns:a16="http://schemas.microsoft.com/office/drawing/2014/main" id="{ED202DA9-AA95-794F-D969-B01920305FC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3588422" y="4391692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5" name="Text Placeholder 44">
            <a:extLst>
              <a:ext uri="{FF2B5EF4-FFF2-40B4-BE49-F238E27FC236}">
                <a16:creationId xmlns:a16="http://schemas.microsoft.com/office/drawing/2014/main" id="{8970818B-757B-29AF-4F04-F4A2805FE179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2265716" y="5064027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6" name="Text Placeholder 44">
            <a:extLst>
              <a:ext uri="{FF2B5EF4-FFF2-40B4-BE49-F238E27FC236}">
                <a16:creationId xmlns:a16="http://schemas.microsoft.com/office/drawing/2014/main" id="{99629247-84B1-D040-A52D-F8AD13958D75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5380298" y="4485106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7" name="Text Placeholder 44">
            <a:extLst>
              <a:ext uri="{FF2B5EF4-FFF2-40B4-BE49-F238E27FC236}">
                <a16:creationId xmlns:a16="http://schemas.microsoft.com/office/drawing/2014/main" id="{6C1B2256-FD32-F24A-41E9-92A2420E42B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424863" y="538824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8" name="Text Placeholder 44">
            <a:extLst>
              <a:ext uri="{FF2B5EF4-FFF2-40B4-BE49-F238E27FC236}">
                <a16:creationId xmlns:a16="http://schemas.microsoft.com/office/drawing/2014/main" id="{9CB318E2-EF7E-703D-7271-16F33C70244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403260" y="442023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9" name="Text Placeholder 44">
            <a:extLst>
              <a:ext uri="{FF2B5EF4-FFF2-40B4-BE49-F238E27FC236}">
                <a16:creationId xmlns:a16="http://schemas.microsoft.com/office/drawing/2014/main" id="{EABBF34E-468B-BF64-BCDF-DAAA4F9F4DA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8420242" y="5326881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0" name="Text Placeholder 44">
            <a:extLst>
              <a:ext uri="{FF2B5EF4-FFF2-40B4-BE49-F238E27FC236}">
                <a16:creationId xmlns:a16="http://schemas.microsoft.com/office/drawing/2014/main" id="{6F35DECE-008A-49B5-C569-88A4CD2AE8CB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9054274" y="4350765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1" name="Text Placeholder 44">
            <a:extLst>
              <a:ext uri="{FF2B5EF4-FFF2-40B4-BE49-F238E27FC236}">
                <a16:creationId xmlns:a16="http://schemas.microsoft.com/office/drawing/2014/main" id="{DD7B0943-BDB9-EB59-106C-A4836EA8968E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263460" y="3389914"/>
            <a:ext cx="703262" cy="603250"/>
          </a:xfrm>
        </p:spPr>
        <p:txBody>
          <a:bodyPr/>
          <a:lstStyle>
            <a:lvl1pPr marL="0" indent="0">
              <a:buNone/>
              <a:defRPr sz="11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539724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Rounded Rectangular Callout 14">
            <a:extLst>
              <a:ext uri="{FF2B5EF4-FFF2-40B4-BE49-F238E27FC236}">
                <a16:creationId xmlns:a16="http://schemas.microsoft.com/office/drawing/2014/main" id="{350548CD-0883-66E0-8096-CB3889246A3F}"/>
              </a:ext>
            </a:extLst>
          </p:cNvPr>
          <p:cNvSpPr/>
          <p:nvPr userDrawn="1"/>
        </p:nvSpPr>
        <p:spPr bwMode="auto">
          <a:xfrm>
            <a:off x="782608" y="3959074"/>
            <a:ext cx="3379839" cy="2489679"/>
          </a:xfrm>
          <a:prstGeom prst="wedgeRoundRectCallout">
            <a:avLst>
              <a:gd name="adj1" fmla="val 56671"/>
              <a:gd name="adj2" fmla="val -20088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lang="da-DK" sz="1200" dirty="0"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</p:txBody>
      </p:sp>
      <p:sp>
        <p:nvSpPr>
          <p:cNvPr id="7" name="Rounded Rectangular Callout 17">
            <a:extLst>
              <a:ext uri="{FF2B5EF4-FFF2-40B4-BE49-F238E27FC236}">
                <a16:creationId xmlns:a16="http://schemas.microsoft.com/office/drawing/2014/main" id="{E7C1F771-6C5C-4B2A-CD78-4A321CAFEEDB}"/>
              </a:ext>
            </a:extLst>
          </p:cNvPr>
          <p:cNvSpPr/>
          <p:nvPr userDrawn="1"/>
        </p:nvSpPr>
        <p:spPr bwMode="auto">
          <a:xfrm>
            <a:off x="7098034" y="4645828"/>
            <a:ext cx="1648806" cy="170095"/>
          </a:xfrm>
          <a:prstGeom prst="wedgeRoundRectCallout">
            <a:avLst>
              <a:gd name="adj1" fmla="val 53693"/>
              <a:gd name="adj2" fmla="val -21304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>
              <a:spcBef>
                <a:spcPts val="432"/>
              </a:spcBef>
            </a:pPr>
            <a:r>
              <a:rPr lang="da-DK" sz="1200" dirty="0">
                <a:latin typeface="+mn-lt"/>
              </a:rPr>
              <a:t> 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</p:txBody>
      </p:sp>
      <p:sp>
        <p:nvSpPr>
          <p:cNvPr id="8" name="Rounded Rectangular Callout 18">
            <a:extLst>
              <a:ext uri="{FF2B5EF4-FFF2-40B4-BE49-F238E27FC236}">
                <a16:creationId xmlns:a16="http://schemas.microsoft.com/office/drawing/2014/main" id="{14CB985C-0903-42C2-B8EA-F890D3EB4A98}"/>
              </a:ext>
            </a:extLst>
          </p:cNvPr>
          <p:cNvSpPr/>
          <p:nvPr userDrawn="1"/>
        </p:nvSpPr>
        <p:spPr bwMode="auto">
          <a:xfrm>
            <a:off x="782608" y="1273553"/>
            <a:ext cx="3425738" cy="2520279"/>
          </a:xfrm>
          <a:prstGeom prst="wedgeRoundRectCallout">
            <a:avLst>
              <a:gd name="adj1" fmla="val 56984"/>
              <a:gd name="adj2" fmla="val -25024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lang="da-DK" sz="1200" dirty="0">
              <a:latin typeface="+mn-lt"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>
                <a:latin typeface="+mn-lt"/>
              </a:rPr>
              <a:t> </a:t>
            </a:r>
            <a:r>
              <a:rPr kumimoji="0" lang="da-DK" sz="1200" i="0" u="none" strike="noStrike" cap="none" normalizeH="0" baseline="0" dirty="0">
                <a:ln>
                  <a:noFill/>
                </a:ln>
                <a:effectLst/>
                <a:latin typeface="+mn-lt"/>
              </a:rPr>
              <a:t> </a:t>
            </a:r>
          </a:p>
        </p:txBody>
      </p:sp>
      <p:sp>
        <p:nvSpPr>
          <p:cNvPr id="9" name="Rounded Rectangular Callout 19">
            <a:extLst>
              <a:ext uri="{FF2B5EF4-FFF2-40B4-BE49-F238E27FC236}">
                <a16:creationId xmlns:a16="http://schemas.microsoft.com/office/drawing/2014/main" id="{68B458D3-C8D8-5FE2-96F5-3E4C36B58A70}"/>
              </a:ext>
            </a:extLst>
          </p:cNvPr>
          <p:cNvSpPr/>
          <p:nvPr userDrawn="1"/>
        </p:nvSpPr>
        <p:spPr bwMode="auto">
          <a:xfrm>
            <a:off x="8603069" y="1268291"/>
            <a:ext cx="3493162" cy="2482177"/>
          </a:xfrm>
          <a:prstGeom prst="wedgeRoundRectCallout">
            <a:avLst>
              <a:gd name="adj1" fmla="val -55530"/>
              <a:gd name="adj2" fmla="val 22449"/>
              <a:gd name="adj3" fmla="val 16667"/>
            </a:avLst>
          </a:prstGeom>
          <a:solidFill>
            <a:schemeClr val="bg1"/>
          </a:solidFill>
          <a:ln w="381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tabLst/>
            </a:pPr>
            <a:endParaRPr kumimoji="0" lang="da-DK" sz="120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85838AF5-569F-EC45-37EE-8748786D609E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430021" y="1676472"/>
            <a:ext cx="3105746" cy="3119791"/>
            <a:chOff x="9128231" y="84384"/>
            <a:chExt cx="2695820" cy="2708014"/>
          </a:xfrm>
        </p:grpSpPr>
        <p:sp>
          <p:nvSpPr>
            <p:cNvPr id="11" name="Isosceles Triangle 10">
              <a:extLst>
                <a:ext uri="{FF2B5EF4-FFF2-40B4-BE49-F238E27FC236}">
                  <a16:creationId xmlns:a16="http://schemas.microsoft.com/office/drawing/2014/main" id="{F400E3AB-E02E-DD27-3022-FC1B39D90047}"/>
                </a:ext>
              </a:extLst>
            </p:cNvPr>
            <p:cNvSpPr/>
            <p:nvPr/>
          </p:nvSpPr>
          <p:spPr bwMode="auto">
            <a:xfrm>
              <a:off x="9128233" y="401053"/>
              <a:ext cx="2695818" cy="2090491"/>
            </a:xfrm>
            <a:prstGeom prst="triangle">
              <a:avLst/>
            </a:prstGeom>
            <a:solidFill>
              <a:srgbClr val="FC7634"/>
            </a:solidFill>
            <a:ln w="9525" cap="flat" cmpd="sng" algn="ctr">
              <a:solidFill>
                <a:schemeClr val="accent6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733720A0-A99B-FD7F-099E-294931C4067B}"/>
                </a:ext>
              </a:extLst>
            </p:cNvPr>
            <p:cNvSpPr/>
            <p:nvPr/>
          </p:nvSpPr>
          <p:spPr bwMode="auto">
            <a:xfrm>
              <a:off x="9651074" y="1064359"/>
              <a:ext cx="1650133" cy="1523077"/>
            </a:xfrm>
            <a:prstGeom prst="ellipse">
              <a:avLst/>
            </a:prstGeom>
            <a:solidFill>
              <a:srgbClr val="FFFFFF"/>
            </a:solidFill>
            <a:ln w="9525" cap="flat" cmpd="sng" algn="ctr">
              <a:solidFill>
                <a:srgbClr val="FFFFFF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2400" b="1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E5C1FB1F-6497-A494-E291-5C0BBE1FCE29}"/>
                </a:ext>
              </a:extLst>
            </p:cNvPr>
            <p:cNvSpPr txBox="1"/>
            <p:nvPr/>
          </p:nvSpPr>
          <p:spPr>
            <a:xfrm rot="18165611">
              <a:off x="8392756" y="1212869"/>
              <a:ext cx="2470691" cy="213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Personal </a:t>
              </a:r>
              <a:r>
                <a:rPr lang="da-DK" dirty="0" err="1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development</a:t>
              </a:r>
              <a:endParaRPr lang="da-DK" dirty="0">
                <a:solidFill>
                  <a:schemeClr val="bg1">
                    <a:lumMod val="50000"/>
                  </a:schemeClr>
                </a:solidFill>
                <a:latin typeface="+mn-lt"/>
              </a:endParaRPr>
            </a:p>
          </p:txBody>
        </p: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B70171CF-2F8A-BA30-D138-5ED52D828248}"/>
                </a:ext>
              </a:extLst>
            </p:cNvPr>
            <p:cNvSpPr txBox="1"/>
            <p:nvPr/>
          </p:nvSpPr>
          <p:spPr>
            <a:xfrm rot="3424004">
              <a:off x="10156728" y="1333699"/>
              <a:ext cx="2488960" cy="213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Social </a:t>
              </a:r>
              <a:r>
                <a:rPr lang="da-DK" dirty="0" err="1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development</a:t>
              </a: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 </a:t>
              </a:r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1FFFBDE9-68E6-AF4D-F26C-B1C77C2D39EE}"/>
                </a:ext>
              </a:extLst>
            </p:cNvPr>
            <p:cNvSpPr txBox="1"/>
            <p:nvPr/>
          </p:nvSpPr>
          <p:spPr>
            <a:xfrm>
              <a:off x="9128231" y="2578675"/>
              <a:ext cx="2695817" cy="2137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Professional </a:t>
              </a:r>
              <a:r>
                <a:rPr lang="da-DK" dirty="0" err="1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development</a:t>
              </a:r>
              <a:r>
                <a:rPr lang="da-DK" dirty="0">
                  <a:solidFill>
                    <a:schemeClr val="bg1">
                      <a:lumMod val="50000"/>
                    </a:schemeClr>
                  </a:solidFill>
                  <a:latin typeface="+mn-lt"/>
                </a:rPr>
                <a:t> </a:t>
              </a: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EAAE3503-6222-859A-3EF0-B787B873E526}"/>
                </a:ext>
              </a:extLst>
            </p:cNvPr>
            <p:cNvSpPr txBox="1"/>
            <p:nvPr/>
          </p:nvSpPr>
          <p:spPr>
            <a:xfrm>
              <a:off x="9651071" y="1672719"/>
              <a:ext cx="1650133" cy="47197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sz="1800" dirty="0">
                  <a:latin typeface="+mj-lt"/>
                </a:rPr>
                <a:t>Employee</a:t>
              </a:r>
            </a:p>
            <a:p>
              <a:pPr algn="ctr">
                <a:spcBef>
                  <a:spcPts val="432"/>
                </a:spcBef>
              </a:pPr>
              <a:endParaRPr lang="da-DK" sz="1400" dirty="0" err="1">
                <a:latin typeface="+mn-lt"/>
              </a:endParaRPr>
            </a:p>
          </p:txBody>
        </p:sp>
      </p:grpSp>
      <p:sp>
        <p:nvSpPr>
          <p:cNvPr id="17" name="TextBox 16">
            <a:extLst>
              <a:ext uri="{FF2B5EF4-FFF2-40B4-BE49-F238E27FC236}">
                <a16:creationId xmlns:a16="http://schemas.microsoft.com/office/drawing/2014/main" id="{27BC19EA-D265-A825-299A-E438EC16005A}"/>
              </a:ext>
            </a:extLst>
          </p:cNvPr>
          <p:cNvSpPr txBox="1"/>
          <p:nvPr userDrawn="1"/>
        </p:nvSpPr>
        <p:spPr>
          <a:xfrm>
            <a:off x="1099603" y="1363452"/>
            <a:ext cx="3149886" cy="472052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Development </a:t>
            </a:r>
            <a:r>
              <a:rPr lang="da-DK" sz="1200" b="1" dirty="0" err="1">
                <a:latin typeface="+mn-lt"/>
              </a:rPr>
              <a:t>goals</a:t>
            </a:r>
            <a:endParaRPr lang="da-DK" sz="1200" b="1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greement with </a:t>
            </a:r>
            <a:r>
              <a:rPr lang="da-DK" sz="1200" dirty="0" err="1">
                <a:latin typeface="+mn-lt"/>
              </a:rPr>
              <a:t>immediate</a:t>
            </a:r>
            <a:r>
              <a:rPr lang="da-DK" sz="1200" dirty="0">
                <a:latin typeface="+mn-lt"/>
              </a:rPr>
              <a:t> manag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Development </a:t>
            </a:r>
            <a:r>
              <a:rPr lang="da-DK" sz="1200" b="1" dirty="0" err="1">
                <a:latin typeface="+mn-lt"/>
              </a:rPr>
              <a:t>goals</a:t>
            </a:r>
            <a:endParaRPr lang="da-DK" sz="1200" b="1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greement with </a:t>
            </a:r>
            <a:r>
              <a:rPr lang="da-DK" sz="1200" dirty="0" err="1">
                <a:latin typeface="+mn-lt"/>
              </a:rPr>
              <a:t>immediate</a:t>
            </a:r>
            <a:r>
              <a:rPr lang="da-DK" sz="1200" dirty="0">
                <a:latin typeface="+mn-lt"/>
              </a:rPr>
              <a:t> manag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b="1" dirty="0">
                <a:latin typeface="+mn-lt"/>
              </a:rPr>
              <a:t>Development </a:t>
            </a:r>
            <a:r>
              <a:rPr lang="da-DK" sz="1200" b="1" dirty="0" err="1">
                <a:latin typeface="+mn-lt"/>
              </a:rPr>
              <a:t>goals</a:t>
            </a:r>
            <a:endParaRPr lang="da-DK" sz="1200" b="1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lnSpc>
                <a:spcPts val="1800"/>
              </a:lnSpc>
              <a:spcBef>
                <a:spcPts val="432"/>
              </a:spcBef>
            </a:pPr>
            <a:r>
              <a:rPr lang="da-DK" sz="1200" dirty="0">
                <a:latin typeface="+mn-lt"/>
              </a:rPr>
              <a:t>Agreement with </a:t>
            </a:r>
            <a:r>
              <a:rPr lang="da-DK" sz="1200" dirty="0" err="1">
                <a:latin typeface="+mn-lt"/>
              </a:rPr>
              <a:t>immediate</a:t>
            </a:r>
            <a:r>
              <a:rPr lang="da-DK" sz="1200" dirty="0">
                <a:latin typeface="+mn-lt"/>
              </a:rPr>
              <a:t> manager</a:t>
            </a:r>
          </a:p>
          <a:p>
            <a:pPr>
              <a:lnSpc>
                <a:spcPts val="1800"/>
              </a:lnSpc>
              <a:spcBef>
                <a:spcPts val="432"/>
              </a:spcBef>
            </a:pPr>
            <a:endParaRPr lang="da-DK" sz="1200" dirty="0"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5692DD4-FD7C-1AC6-AEC1-19EEC64C04D3}"/>
              </a:ext>
            </a:extLst>
          </p:cNvPr>
          <p:cNvSpPr txBox="1"/>
          <p:nvPr userDrawn="1"/>
        </p:nvSpPr>
        <p:spPr>
          <a:xfrm>
            <a:off x="7986707" y="1363452"/>
            <a:ext cx="3493162" cy="44319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sz="1200" b="1" dirty="0">
                <a:latin typeface="+mn-lt"/>
              </a:rPr>
              <a:t>Wishes for the future 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1200" dirty="0" err="1">
                <a:latin typeface="+mn-lt"/>
              </a:rPr>
              <a:t>When</a:t>
            </a:r>
            <a:r>
              <a:rPr lang="da-DK" sz="1200" dirty="0">
                <a:latin typeface="+mn-lt"/>
              </a:rPr>
              <a:t> is the </a:t>
            </a:r>
            <a:r>
              <a:rPr lang="da-DK" sz="1200" dirty="0" err="1">
                <a:latin typeface="+mn-lt"/>
              </a:rPr>
              <a:t>next</a:t>
            </a:r>
            <a:r>
              <a:rPr lang="da-DK" sz="1200" dirty="0">
                <a:latin typeface="+mn-lt"/>
              </a:rPr>
              <a:t> MUS? (date)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en-US" sz="1200" dirty="0">
                <a:latin typeface="+mn-lt"/>
              </a:rPr>
              <a:t>What are we going to talk about? (agreements)</a:t>
            </a: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12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12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The </a:t>
            </a:r>
            <a:r>
              <a:rPr lang="da-DK" sz="1200" i="1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employee</a:t>
            </a:r>
            <a:r>
              <a:rPr lang="da-DK" sz="1200" i="1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 saves MUS </a:t>
            </a:r>
            <a:r>
              <a:rPr lang="da-DK" sz="1200" i="1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documentation</a:t>
            </a:r>
            <a:endParaRPr lang="da-DK" sz="1200" i="1" dirty="0">
              <a:solidFill>
                <a:schemeClr val="bg1">
                  <a:lumMod val="50000"/>
                </a:schemeClr>
              </a:solidFill>
              <a:latin typeface="+mn-lt"/>
            </a:endParaRP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B46E15-85D3-6EA1-BE40-74FAC7BE86F0}"/>
              </a:ext>
            </a:extLst>
          </p:cNvPr>
          <p:cNvCxnSpPr/>
          <p:nvPr userDrawn="1"/>
        </p:nvCxnSpPr>
        <p:spPr bwMode="auto">
          <a:xfrm>
            <a:off x="1094806" y="2970556"/>
            <a:ext cx="384827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BF77B1DC-EBAA-F4DE-4EE5-20887C139791}"/>
              </a:ext>
            </a:extLst>
          </p:cNvPr>
          <p:cNvCxnSpPr/>
          <p:nvPr userDrawn="1"/>
        </p:nvCxnSpPr>
        <p:spPr bwMode="auto">
          <a:xfrm>
            <a:off x="1094806" y="4643815"/>
            <a:ext cx="3632248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CD9A54D7-666B-453E-0439-C49C35FB532D}"/>
              </a:ext>
            </a:extLst>
          </p:cNvPr>
          <p:cNvCxnSpPr/>
          <p:nvPr userDrawn="1"/>
        </p:nvCxnSpPr>
        <p:spPr bwMode="auto">
          <a:xfrm flipV="1">
            <a:off x="1080001" y="1267787"/>
            <a:ext cx="4688726" cy="13424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6880B447-4799-C1BC-3A03-404198D16846}"/>
              </a:ext>
            </a:extLst>
          </p:cNvPr>
          <p:cNvCxnSpPr/>
          <p:nvPr userDrawn="1"/>
        </p:nvCxnSpPr>
        <p:spPr bwMode="auto">
          <a:xfrm>
            <a:off x="7986707" y="1281211"/>
            <a:ext cx="3693534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A2AE16BB-F5AB-60C8-E6DE-1FB99028AD57}"/>
              </a:ext>
            </a:extLst>
          </p:cNvPr>
          <p:cNvSpPr txBox="1"/>
          <p:nvPr userDrawn="1"/>
        </p:nvSpPr>
        <p:spPr>
          <a:xfrm>
            <a:off x="1080000" y="450000"/>
            <a:ext cx="9118394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200" dirty="0">
                <a:latin typeface="+mj-lt"/>
              </a:rPr>
              <a:t>Development </a:t>
            </a:r>
            <a:r>
              <a:rPr lang="da-DK" sz="3200" dirty="0" err="1">
                <a:latin typeface="+mj-lt"/>
              </a:rPr>
              <a:t>goals</a:t>
            </a:r>
            <a:r>
              <a:rPr lang="da-DK" sz="3200" dirty="0">
                <a:latin typeface="+mj-lt"/>
              </a:rPr>
              <a:t> &amp; agreements </a:t>
            </a:r>
            <a:r>
              <a:rPr lang="da-DK" dirty="0">
                <a:latin typeface="+mn-lt"/>
              </a:rPr>
              <a:t>(</a:t>
            </a:r>
            <a:r>
              <a:rPr lang="da-DK" dirty="0" err="1">
                <a:latin typeface="+mn-lt"/>
              </a:rPr>
              <a:t>writte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documentation</a:t>
            </a:r>
            <a:r>
              <a:rPr lang="da-DK" dirty="0">
                <a:latin typeface="+mn-lt"/>
              </a:rPr>
              <a:t>)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810D8465-6C25-3C7C-7774-A1E850E77F63}"/>
              </a:ext>
            </a:extLst>
          </p:cNvPr>
          <p:cNvCxnSpPr/>
          <p:nvPr userDrawn="1"/>
        </p:nvCxnSpPr>
        <p:spPr bwMode="auto">
          <a:xfrm flipH="1" flipV="1">
            <a:off x="5768727" y="1268291"/>
            <a:ext cx="780580" cy="123031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bg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6A4C8640-B428-F0E4-40C9-D838AE6DB2E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095375" y="2498725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Text Placeholder 25">
            <a:extLst>
              <a:ext uri="{FF2B5EF4-FFF2-40B4-BE49-F238E27FC236}">
                <a16:creationId xmlns:a16="http://schemas.microsoft.com/office/drawing/2014/main" id="{1E161A45-2C4A-D7AC-6A31-035C46894E8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095932" y="4113076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8" name="Text Placeholder 25">
            <a:extLst>
              <a:ext uri="{FF2B5EF4-FFF2-40B4-BE49-F238E27FC236}">
                <a16:creationId xmlns:a16="http://schemas.microsoft.com/office/drawing/2014/main" id="{C5329278-E2A1-E7CE-F7C5-91AE82E0BC7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94978" y="5769260"/>
            <a:ext cx="3533387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9" name="Text Placeholder 25">
            <a:extLst>
              <a:ext uri="{FF2B5EF4-FFF2-40B4-BE49-F238E27FC236}">
                <a16:creationId xmlns:a16="http://schemas.microsoft.com/office/drawing/2014/main" id="{8BA577E7-55C7-FF76-99BE-EA304B31FE6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000787" y="4089236"/>
            <a:ext cx="3848100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0" name="Text Placeholder 25">
            <a:extLst>
              <a:ext uri="{FF2B5EF4-FFF2-40B4-BE49-F238E27FC236}">
                <a16:creationId xmlns:a16="http://schemas.microsoft.com/office/drawing/2014/main" id="{687C9D86-4486-595B-5ECF-B7FEDD5A768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8020275" y="4984597"/>
            <a:ext cx="3848100" cy="38576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25">
            <a:extLst>
              <a:ext uri="{FF2B5EF4-FFF2-40B4-BE49-F238E27FC236}">
                <a16:creationId xmlns:a16="http://schemas.microsoft.com/office/drawing/2014/main" id="{CF57EF0B-9489-1CE7-9B66-EB9D3067845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986707" y="1705395"/>
            <a:ext cx="3848100" cy="1723603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2" name="Text Placeholder 25">
            <a:extLst>
              <a:ext uri="{FF2B5EF4-FFF2-40B4-BE49-F238E27FC236}">
                <a16:creationId xmlns:a16="http://schemas.microsoft.com/office/drawing/2014/main" id="{BD7892C3-9BF1-5435-1218-0D2837BAE98E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093480" y="1577710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3" name="Text Placeholder 25">
            <a:extLst>
              <a:ext uri="{FF2B5EF4-FFF2-40B4-BE49-F238E27FC236}">
                <a16:creationId xmlns:a16="http://schemas.microsoft.com/office/drawing/2014/main" id="{6AA4AA9F-2192-C511-6DC4-9C887F86D8A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093480" y="3248980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Text Placeholder 25">
            <a:extLst>
              <a:ext uri="{FF2B5EF4-FFF2-40B4-BE49-F238E27FC236}">
                <a16:creationId xmlns:a16="http://schemas.microsoft.com/office/drawing/2014/main" id="{E0F948E0-21A1-1347-F815-31889274EBE0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080000" y="4915351"/>
            <a:ext cx="3533387" cy="637885"/>
          </a:xfrm>
        </p:spPr>
        <p:txBody>
          <a:bodyPr/>
          <a:lstStyle>
            <a:lvl1pPr marL="0" indent="0">
              <a:buNone/>
              <a:defRPr sz="1400"/>
            </a:lvl1pPr>
            <a:lvl2pPr marL="216000" indent="0">
              <a:buNone/>
              <a:defRPr sz="1400"/>
            </a:lvl2pPr>
            <a:lvl3pPr marL="417600" indent="0">
              <a:buNone/>
              <a:defRPr sz="1400"/>
            </a:lvl3pPr>
            <a:lvl4pPr marL="630000" indent="0">
              <a:buNone/>
              <a:defRPr sz="1400"/>
            </a:lvl4pPr>
            <a:lvl5pPr marL="828000" indent="0">
              <a:buNone/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22081198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ags" Target="../tags/tag2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2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9272185b-0c0f-4450-9f7b-f7adfa9ea6fa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080000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7" name="text" descr="{&quot;templafy&quot;:{&quot;id&quot;:&quot;e2c8bdd0-1d56-4fd1-b08c-23440e51670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85" r:id="rId3"/>
    <p:sldLayoutId id="2147483678" r:id="rId4"/>
    <p:sldLayoutId id="2147483679" r:id="rId5"/>
    <p:sldLayoutId id="2147483680" r:id="rId6"/>
    <p:sldLayoutId id="2147483681" r:id="rId7"/>
    <p:sldLayoutId id="2147483682" r:id="rId8"/>
    <p:sldLayoutId id="2147483683" r:id="rId9"/>
    <p:sldLayoutId id="2147483684" r:id="rId10"/>
    <p:sldLayoutId id="2147483664" r:id="rId11"/>
    <p:sldLayoutId id="2147483677" r:id="rId12"/>
    <p:sldLayoutId id="2147483672" r:id="rId13"/>
    <p:sldLayoutId id="2147483673" r:id="rId14"/>
    <p:sldLayoutId id="2147483676" r:id="rId15"/>
    <p:sldLayoutId id="2147483666" r:id="rId16"/>
    <p:sldLayoutId id="2147483667" r:id="rId17"/>
    <p:sldLayoutId id="2147483668" r:id="rId18"/>
    <p:sldLayoutId id="2147483669" r:id="rId19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Relationship Id="rId5" Type="http://schemas.openxmlformats.org/officeDocument/2006/relationships/hyperlink" Target="https://www.inside.dtu.dk/da/medarbejder/hr-og-arbejdsmiljoe/under-ansaettelsen/udviklingssamtaler-mus-lus-grus" TargetMode="Externa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retsinformation.dk/eli/retsinfo/2019/10128" TargetMode="External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hyperlink" Target="https://findit.dtu.dk/" TargetMode="Externa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21BE9109-D3B1-288B-B199-F8C5AD5FD906}"/>
              </a:ext>
            </a:extLst>
          </p:cNvPr>
          <p:cNvSpPr txBox="1"/>
          <p:nvPr/>
        </p:nvSpPr>
        <p:spPr>
          <a:xfrm>
            <a:off x="5076000" y="4592161"/>
            <a:ext cx="1089722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>
                <a:latin typeface="+mn-lt"/>
                <a:hlinkClick r:id="rId5"/>
              </a:rPr>
              <a:t>DTU Inside</a:t>
            </a:r>
            <a:endParaRPr lang="en-GB" sz="1800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2E621569-8AA9-37A4-7AFB-F7070B1335C9}"/>
              </a:ext>
            </a:extLst>
          </p:cNvPr>
          <p:cNvSpPr txBox="1"/>
          <p:nvPr/>
        </p:nvSpPr>
        <p:spPr>
          <a:xfrm>
            <a:off x="1548000" y="1879200"/>
            <a:ext cx="404918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kern="0" dirty="0">
                <a:solidFill>
                  <a:schemeClr val="accent2"/>
                </a:solidFill>
                <a:latin typeface="+mn-lt"/>
                <a:hlinkClick r:id="rId2">
                  <a:extLst>
                    <a:ext uri="{A12FA001-AC4F-418D-AE19-62706E023703}">
                      <ahyp:hlinkClr xmlns:ahyp="http://schemas.microsoft.com/office/drawing/2018/hyperlinkcolor" xmlns="" val="tx"/>
                    </a:ext>
                  </a:extLst>
                </a:hlinkClick>
              </a:rPr>
              <a:t>cirkulære om aftale om kompetenceudvikling</a:t>
            </a:r>
            <a:endParaRPr lang="da-DK" kern="0" dirty="0">
              <a:solidFill>
                <a:schemeClr val="accent2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586277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27396586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CF928AF8-3227-48AA-C207-BB9D9A1B2D6B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7821D7BB-A5D1-C2DD-0FC4-0F17ADEF47D7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FE533B24-3EC8-45F6-E024-E8832B24898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8941E779-148A-BD3F-92DC-7FDED9B54060}"/>
              </a:ext>
            </a:extLst>
          </p:cNvPr>
          <p:cNvSpPr txBox="1"/>
          <p:nvPr/>
        </p:nvSpPr>
        <p:spPr>
          <a:xfrm>
            <a:off x="4500000" y="5896800"/>
            <a:ext cx="601127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000" i="1" dirty="0">
                <a:solidFill>
                  <a:schemeClr val="accent2"/>
                </a:solidFill>
                <a:latin typeface="+mn-lt"/>
                <a:hlinkClick r:id="rId3">
                  <a:extLst>
                    <a:ext uri="{A12FA001-AC4F-418D-AE19-62706E023703}">
                      <ahyp:hlinkClr xmlns:ahyp="http://schemas.microsoft.com/office/drawing/2018/hyperlinkcolor" xmlns="" val="tx"/>
                    </a:ext>
                  </a:extLst>
                </a:hlinkClick>
              </a:rPr>
              <a:t>DTU </a:t>
            </a:r>
            <a:r>
              <a:rPr lang="da-DK" sz="1000" i="1" dirty="0" err="1">
                <a:solidFill>
                  <a:schemeClr val="accent2"/>
                </a:solidFill>
                <a:latin typeface="+mn-lt"/>
                <a:hlinkClick r:id="rId3">
                  <a:extLst>
                    <a:ext uri="{A12FA001-AC4F-418D-AE19-62706E023703}">
                      <ahyp:hlinkClr xmlns:ahyp="http://schemas.microsoft.com/office/drawing/2018/hyperlinkcolor" xmlns="" val="tx"/>
                    </a:ext>
                  </a:extLst>
                </a:hlinkClick>
              </a:rPr>
              <a:t>Findit</a:t>
            </a:r>
            <a:endParaRPr lang="en-GB" sz="1000" dirty="0" err="1">
              <a:solidFill>
                <a:schemeClr val="accent2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4754957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" name="Text Placeholder 47">
            <a:extLst>
              <a:ext uri="{FF2B5EF4-FFF2-40B4-BE49-F238E27FC236}">
                <a16:creationId xmlns:a16="http://schemas.microsoft.com/office/drawing/2014/main" id="{4D16E857-CC07-1C33-2B82-7A9307B20B5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9" name="Text Placeholder 48">
            <a:extLst>
              <a:ext uri="{FF2B5EF4-FFF2-40B4-BE49-F238E27FC236}">
                <a16:creationId xmlns:a16="http://schemas.microsoft.com/office/drawing/2014/main" id="{0F30C070-663A-C5F9-D175-87C9D78C2943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0" name="Text Placeholder 49">
            <a:extLst>
              <a:ext uri="{FF2B5EF4-FFF2-40B4-BE49-F238E27FC236}">
                <a16:creationId xmlns:a16="http://schemas.microsoft.com/office/drawing/2014/main" id="{DBC7472C-C4A6-317D-155D-260D45D2D6C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1" name="Text Placeholder 50">
            <a:extLst>
              <a:ext uri="{FF2B5EF4-FFF2-40B4-BE49-F238E27FC236}">
                <a16:creationId xmlns:a16="http://schemas.microsoft.com/office/drawing/2014/main" id="{1028D680-8E40-E675-57DF-54BFC500227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2" name="Text Placeholder 51">
            <a:extLst>
              <a:ext uri="{FF2B5EF4-FFF2-40B4-BE49-F238E27FC236}">
                <a16:creationId xmlns:a16="http://schemas.microsoft.com/office/drawing/2014/main" id="{03405E86-12F0-AAE5-9FCC-50626792279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3" name="Text Placeholder 52">
            <a:extLst>
              <a:ext uri="{FF2B5EF4-FFF2-40B4-BE49-F238E27FC236}">
                <a16:creationId xmlns:a16="http://schemas.microsoft.com/office/drawing/2014/main" id="{EBF986AB-97F5-8367-BDE2-7D6CBB5C3EF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4" name="Text Placeholder 53">
            <a:extLst>
              <a:ext uri="{FF2B5EF4-FFF2-40B4-BE49-F238E27FC236}">
                <a16:creationId xmlns:a16="http://schemas.microsoft.com/office/drawing/2014/main" id="{B1EAED70-A5BA-B0E9-CE1C-E7CCC69391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5" name="Text Placeholder 54">
            <a:extLst>
              <a:ext uri="{FF2B5EF4-FFF2-40B4-BE49-F238E27FC236}">
                <a16:creationId xmlns:a16="http://schemas.microsoft.com/office/drawing/2014/main" id="{6A0AA3E8-78E3-4B63-08D4-00000FBE1FA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0630780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9" name="Text Placeholder 58">
            <a:extLst>
              <a:ext uri="{FF2B5EF4-FFF2-40B4-BE49-F238E27FC236}">
                <a16:creationId xmlns:a16="http://schemas.microsoft.com/office/drawing/2014/main" id="{D52CB53C-C07C-F411-FA7F-5DFA2572B97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0" name="Text Placeholder 59">
            <a:extLst>
              <a:ext uri="{FF2B5EF4-FFF2-40B4-BE49-F238E27FC236}">
                <a16:creationId xmlns:a16="http://schemas.microsoft.com/office/drawing/2014/main" id="{714EDDA0-68A8-EFC8-668C-AECF8750F009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1" name="Text Placeholder 60">
            <a:extLst>
              <a:ext uri="{FF2B5EF4-FFF2-40B4-BE49-F238E27FC236}">
                <a16:creationId xmlns:a16="http://schemas.microsoft.com/office/drawing/2014/main" id="{6E6F8C09-EF67-A105-E9DF-9D8C90E5A25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2" name="Text Placeholder 61">
            <a:extLst>
              <a:ext uri="{FF2B5EF4-FFF2-40B4-BE49-F238E27FC236}">
                <a16:creationId xmlns:a16="http://schemas.microsoft.com/office/drawing/2014/main" id="{FA581DEA-40FC-66E8-BDEE-B1F795CC496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3" name="Text Placeholder 62">
            <a:extLst>
              <a:ext uri="{FF2B5EF4-FFF2-40B4-BE49-F238E27FC236}">
                <a16:creationId xmlns:a16="http://schemas.microsoft.com/office/drawing/2014/main" id="{A8BE3529-872F-C79A-1E7B-387537E27670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4" name="Text Placeholder 63">
            <a:extLst>
              <a:ext uri="{FF2B5EF4-FFF2-40B4-BE49-F238E27FC236}">
                <a16:creationId xmlns:a16="http://schemas.microsoft.com/office/drawing/2014/main" id="{35C287B9-D640-F392-3987-6D89CADE377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5" name="Text Placeholder 64">
            <a:extLst>
              <a:ext uri="{FF2B5EF4-FFF2-40B4-BE49-F238E27FC236}">
                <a16:creationId xmlns:a16="http://schemas.microsoft.com/office/drawing/2014/main" id="{5EBD373D-F642-966A-630E-6F369F04E65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6" name="Text Placeholder 65">
            <a:extLst>
              <a:ext uri="{FF2B5EF4-FFF2-40B4-BE49-F238E27FC236}">
                <a16:creationId xmlns:a16="http://schemas.microsoft.com/office/drawing/2014/main" id="{2BA6B051-8D14-D80F-069E-10BE938B99C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7" name="Text Placeholder 66">
            <a:extLst>
              <a:ext uri="{FF2B5EF4-FFF2-40B4-BE49-F238E27FC236}">
                <a16:creationId xmlns:a16="http://schemas.microsoft.com/office/drawing/2014/main" id="{8AC54659-63BE-1DB4-B180-AD13805D07EC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8" name="Text Placeholder 67">
            <a:extLst>
              <a:ext uri="{FF2B5EF4-FFF2-40B4-BE49-F238E27FC236}">
                <a16:creationId xmlns:a16="http://schemas.microsoft.com/office/drawing/2014/main" id="{388E2D62-9DFF-AB96-BF69-1C0F14459F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9" name="Text Placeholder 68">
            <a:extLst>
              <a:ext uri="{FF2B5EF4-FFF2-40B4-BE49-F238E27FC236}">
                <a16:creationId xmlns:a16="http://schemas.microsoft.com/office/drawing/2014/main" id="{8671E23A-0AEA-C93D-FD83-2A444A20D6EF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0" name="Text Placeholder 69">
            <a:extLst>
              <a:ext uri="{FF2B5EF4-FFF2-40B4-BE49-F238E27FC236}">
                <a16:creationId xmlns:a16="http://schemas.microsoft.com/office/drawing/2014/main" id="{D210D5ED-6B11-5BD2-5CF6-FAE18C546BF2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1" name="Text Placeholder 70">
            <a:extLst>
              <a:ext uri="{FF2B5EF4-FFF2-40B4-BE49-F238E27FC236}">
                <a16:creationId xmlns:a16="http://schemas.microsoft.com/office/drawing/2014/main" id="{591908F4-C27D-704B-6EE3-D33432C13BB0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2" name="Text Placeholder 71">
            <a:extLst>
              <a:ext uri="{FF2B5EF4-FFF2-40B4-BE49-F238E27FC236}">
                <a16:creationId xmlns:a16="http://schemas.microsoft.com/office/drawing/2014/main" id="{335B4C43-53DE-88FF-4575-6903D21A3115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3" name="Text Placeholder 72">
            <a:extLst>
              <a:ext uri="{FF2B5EF4-FFF2-40B4-BE49-F238E27FC236}">
                <a16:creationId xmlns:a16="http://schemas.microsoft.com/office/drawing/2014/main" id="{5288479E-E8BF-0E54-188B-A0744A8B64E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4" name="Text Placeholder 73">
            <a:extLst>
              <a:ext uri="{FF2B5EF4-FFF2-40B4-BE49-F238E27FC236}">
                <a16:creationId xmlns:a16="http://schemas.microsoft.com/office/drawing/2014/main" id="{7ECE2A8A-2F23-0123-A7B7-479A7CD69E5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5" name="Text Placeholder 74">
            <a:extLst>
              <a:ext uri="{FF2B5EF4-FFF2-40B4-BE49-F238E27FC236}">
                <a16:creationId xmlns:a16="http://schemas.microsoft.com/office/drawing/2014/main" id="{D12C6B5F-A52B-F941-0A3F-14AEF8AD6C1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3152864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28">
            <a:extLst>
              <a:ext uri="{FF2B5EF4-FFF2-40B4-BE49-F238E27FC236}">
                <a16:creationId xmlns:a16="http://schemas.microsoft.com/office/drawing/2014/main" id="{94FF0447-08D3-BBB8-F4DA-3F5074048B4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19ACAEF2-4B1E-FF40-5D2F-55C62B073CF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1" name="Text Placeholder 30">
            <a:extLst>
              <a:ext uri="{FF2B5EF4-FFF2-40B4-BE49-F238E27FC236}">
                <a16:creationId xmlns:a16="http://schemas.microsoft.com/office/drawing/2014/main" id="{F1BC98EA-A988-4809-D1B4-5741D0339B1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69D46DD2-28CF-B67A-E85D-12A38653C3A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1AFF74EF-B744-A530-766B-DC2E7E73FC83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92D9C9D2-F649-6C22-C3CE-2F91F6CEC6B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Text Placeholder 34">
            <a:extLst>
              <a:ext uri="{FF2B5EF4-FFF2-40B4-BE49-F238E27FC236}">
                <a16:creationId xmlns:a16="http://schemas.microsoft.com/office/drawing/2014/main" id="{60DE4C16-E20B-9A8C-3F70-F29CA456C6E2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C4312712-4001-692A-3DCE-5BFC015876B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458C875D-1902-E267-275E-21E36980C929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513309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30470313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96296" y="2271932"/>
            <a:ext cx="4552464" cy="3034217"/>
          </a:xfrm>
        </p:spPr>
      </p:pic>
      <p:sp>
        <p:nvSpPr>
          <p:cNvPr id="17" name="Cloud Callout 16"/>
          <p:cNvSpPr/>
          <p:nvPr/>
        </p:nvSpPr>
        <p:spPr bwMode="auto">
          <a:xfrm>
            <a:off x="8543478" y="4688309"/>
            <a:ext cx="3456384" cy="1593503"/>
          </a:xfrm>
          <a:prstGeom prst="cloudCallout">
            <a:avLst>
              <a:gd name="adj1" fmla="val -67358"/>
              <a:gd name="adj2" fmla="val -48379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eaLnBrk="1" latinLnBrk="0" hangingPunct="1">
              <a:lnSpc>
                <a:spcPct val="100000"/>
              </a:lnSpc>
              <a:spcBef>
                <a:spcPts val="432"/>
              </a:spcBef>
              <a:buClrTx/>
              <a:buSzTx/>
              <a:buFontTx/>
              <a:buNone/>
              <a:tabLst/>
            </a:pPr>
            <a:r>
              <a:rPr lang="en-US" b="1" dirty="0">
                <a:latin typeface="+mn-lt"/>
              </a:rPr>
              <a:t>What does it mean to you that DTU wants to educate Europe’s best engineers?</a:t>
            </a:r>
            <a:endParaRPr lang="da-DK" b="1" dirty="0">
              <a:latin typeface="+mn-lt"/>
            </a:endParaRPr>
          </a:p>
        </p:txBody>
      </p:sp>
      <p:sp>
        <p:nvSpPr>
          <p:cNvPr id="16" name="Cloud Callout 15"/>
          <p:cNvSpPr/>
          <p:nvPr/>
        </p:nvSpPr>
        <p:spPr bwMode="auto">
          <a:xfrm>
            <a:off x="8975526" y="2788925"/>
            <a:ext cx="3024336" cy="1769690"/>
          </a:xfrm>
          <a:prstGeom prst="cloudCallout">
            <a:avLst>
              <a:gd name="adj1" fmla="val -76807"/>
              <a:gd name="adj2" fmla="val 6429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en-US" b="1" dirty="0">
                <a:latin typeface="+mn-lt"/>
              </a:rPr>
              <a:t>What does sustainability mean to you - and in your working life? 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080000" y="297144"/>
            <a:ext cx="11297723" cy="651018"/>
          </a:xfrm>
        </p:spPr>
        <p:txBody>
          <a:bodyPr/>
          <a:lstStyle/>
          <a:p>
            <a:r>
              <a:rPr lang="en-GB" sz="3200" b="1" i="0" strike="noStrike" cap="none" spc="0" baseline="0" dirty="0">
                <a:solidFill>
                  <a:srgbClr val="000000"/>
                </a:solidFill>
                <a:effectLst/>
                <a:latin typeface="Arial"/>
                <a:ea typeface="Arial"/>
                <a:cs typeface="Arial"/>
              </a:rPr>
              <a:t>Outside world and future</a:t>
            </a:r>
            <a:endParaRPr lang="da-DK" sz="3200" b="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>
          <a:xfrm>
            <a:off x="-313506" y="6912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8" name="Oval Callout 7"/>
          <p:cNvSpPr/>
          <p:nvPr/>
        </p:nvSpPr>
        <p:spPr bwMode="auto">
          <a:xfrm>
            <a:off x="444668" y="2998386"/>
            <a:ext cx="2482185" cy="1544585"/>
          </a:xfrm>
          <a:prstGeom prst="wedgeEllipseCallout">
            <a:avLst>
              <a:gd name="adj1" fmla="val 58053"/>
              <a:gd name="adj2" fmla="val 7528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en-US" b="1" dirty="0">
                <a:latin typeface="+mn-lt"/>
              </a:rPr>
              <a:t>How can I as manager help us succeed?</a:t>
            </a:r>
            <a:endParaRPr lang="da-DK" b="1" dirty="0">
              <a:latin typeface="+mn-lt"/>
            </a:endParaRPr>
          </a:p>
        </p:txBody>
      </p:sp>
      <p:sp>
        <p:nvSpPr>
          <p:cNvPr id="9" name="Rounded Rectangular Callout 8"/>
          <p:cNvSpPr/>
          <p:nvPr/>
        </p:nvSpPr>
        <p:spPr bwMode="auto">
          <a:xfrm>
            <a:off x="2023930" y="4622073"/>
            <a:ext cx="1512002" cy="1368152"/>
          </a:xfrm>
          <a:prstGeom prst="wedgeRoundRectCallout">
            <a:avLst>
              <a:gd name="adj1" fmla="val 44650"/>
              <a:gd name="adj2" fmla="val -69983"/>
              <a:gd name="adj3" fmla="val 16667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en-US" b="1" dirty="0">
                <a:latin typeface="+mn-lt"/>
              </a:rPr>
              <a:t>Which trends do you see outside DTU?</a:t>
            </a:r>
          </a:p>
        </p:txBody>
      </p:sp>
      <p:sp>
        <p:nvSpPr>
          <p:cNvPr id="10" name="Rounded Rectangular Callout 9"/>
          <p:cNvSpPr/>
          <p:nvPr/>
        </p:nvSpPr>
        <p:spPr bwMode="auto">
          <a:xfrm>
            <a:off x="4316432" y="1437713"/>
            <a:ext cx="3553021" cy="846220"/>
          </a:xfrm>
          <a:prstGeom prst="wedgeRoundRectCallout">
            <a:avLst>
              <a:gd name="adj1" fmla="val 23289"/>
              <a:gd name="adj2" fmla="val 75143"/>
              <a:gd name="adj3" fmla="val 16667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en-US" b="1" dirty="0">
                <a:latin typeface="+mn-lt"/>
              </a:rPr>
              <a:t>In which direction is your working community developing?</a:t>
            </a:r>
          </a:p>
        </p:txBody>
      </p:sp>
      <p:sp>
        <p:nvSpPr>
          <p:cNvPr id="12" name="Rounded Rectangular Callout 11"/>
          <p:cNvSpPr/>
          <p:nvPr/>
        </p:nvSpPr>
        <p:spPr bwMode="auto">
          <a:xfrm>
            <a:off x="3819803" y="5132552"/>
            <a:ext cx="2635443" cy="1239163"/>
          </a:xfrm>
          <a:prstGeom prst="wedgeRoundRectCallout">
            <a:avLst>
              <a:gd name="adj1" fmla="val -12665"/>
              <a:gd name="adj2" fmla="val -64255"/>
              <a:gd name="adj3" fmla="val 16667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>
              <a:spcBef>
                <a:spcPts val="432"/>
              </a:spcBef>
            </a:pPr>
            <a:r>
              <a:rPr lang="en-US" b="1" dirty="0">
                <a:latin typeface="+mn-lt"/>
              </a:rPr>
              <a:t>How should our group act differently to move forward? </a:t>
            </a:r>
            <a:r>
              <a:rPr kumimoji="0" lang="da-DK" sz="1600" b="1" i="0" u="none" strike="noStrike" cap="none" normalizeH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</a:t>
            </a:r>
            <a:endParaRPr kumimoji="0" lang="da-DK" sz="1600" b="1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Cloud Callout 12"/>
          <p:cNvSpPr/>
          <p:nvPr/>
        </p:nvSpPr>
        <p:spPr bwMode="auto">
          <a:xfrm>
            <a:off x="1908795" y="1646466"/>
            <a:ext cx="2252920" cy="1508001"/>
          </a:xfrm>
          <a:prstGeom prst="cloudCallout">
            <a:avLst>
              <a:gd name="adj1" fmla="val 40966"/>
              <a:gd name="adj2" fmla="val 74178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en-US" b="1" dirty="0">
                <a:latin typeface="+mn-lt"/>
              </a:rPr>
              <a:t>What are your thoughts on the future? </a:t>
            </a:r>
          </a:p>
        </p:txBody>
      </p:sp>
      <p:sp>
        <p:nvSpPr>
          <p:cNvPr id="15" name="Cloud Callout 14"/>
          <p:cNvSpPr/>
          <p:nvPr/>
        </p:nvSpPr>
        <p:spPr bwMode="auto">
          <a:xfrm>
            <a:off x="8543478" y="983674"/>
            <a:ext cx="2736304" cy="1657783"/>
          </a:xfrm>
          <a:prstGeom prst="cloudCallout">
            <a:avLst>
              <a:gd name="adj1" fmla="val -57480"/>
              <a:gd name="adj2" fmla="val 68744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en-US" b="1" dirty="0">
                <a:latin typeface="+mn-lt"/>
              </a:rPr>
              <a:t>How does digitalization affect your tasks?</a:t>
            </a:r>
            <a:endParaRPr lang="da-DK" b="1" dirty="0">
              <a:latin typeface="+mn-lt"/>
            </a:endParaRPr>
          </a:p>
        </p:txBody>
      </p:sp>
      <p:sp>
        <p:nvSpPr>
          <p:cNvPr id="14" name="Rounded Rectangular Callout 13"/>
          <p:cNvSpPr/>
          <p:nvPr/>
        </p:nvSpPr>
        <p:spPr bwMode="auto">
          <a:xfrm>
            <a:off x="6711040" y="5132551"/>
            <a:ext cx="1520551" cy="1239163"/>
          </a:xfrm>
          <a:prstGeom prst="wedgeRoundRectCallout">
            <a:avLst>
              <a:gd name="adj1" fmla="val -36086"/>
              <a:gd name="adj2" fmla="val -65032"/>
              <a:gd name="adj3" fmla="val 16667"/>
            </a:avLst>
          </a:prstGeom>
          <a:solidFill>
            <a:schemeClr val="accent6">
              <a:alpha val="10000"/>
            </a:schemeClr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en-US" b="1" dirty="0">
                <a:latin typeface="+mn-lt"/>
              </a:rPr>
              <a:t>What should we stop doing?</a:t>
            </a:r>
            <a:endParaRPr kumimoji="0" lang="da-DK" sz="1600" b="1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</p:txBody>
      </p:sp>
      <p:sp>
        <p:nvSpPr>
          <p:cNvPr id="3" name="TextBox 2"/>
          <p:cNvSpPr txBox="1"/>
          <p:nvPr/>
        </p:nvSpPr>
        <p:spPr>
          <a:xfrm>
            <a:off x="5987194" y="650370"/>
            <a:ext cx="3744416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(manager asks </a:t>
            </a:r>
            <a:r>
              <a:rPr lang="da-DK" dirty="0" err="1">
                <a:latin typeface="+mn-lt"/>
              </a:rPr>
              <a:t>questions</a:t>
            </a:r>
            <a:r>
              <a:rPr lang="da-DK" dirty="0">
                <a:latin typeface="+mn-lt"/>
              </a:rPr>
              <a:t> and listens  …)</a:t>
            </a:r>
            <a:br>
              <a:rPr lang="da-DK" dirty="0">
                <a:latin typeface="+mn-lt"/>
              </a:rPr>
            </a:br>
            <a:endParaRPr lang="da-DK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6204219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 animBg="1"/>
      <p:bldP spid="16" grpId="0" animBg="1"/>
      <p:bldP spid="8" grpId="0" animBg="1"/>
      <p:bldP spid="9" grpId="0" animBg="1"/>
      <p:bldP spid="10" grpId="0" animBg="1"/>
      <p:bldP spid="12" grpId="0" animBg="1"/>
      <p:bldP spid="13" grpId="0" animBg="1"/>
      <p:bldP spid="15" grpId="0" animBg="1"/>
      <p:bldP spid="14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Custom 1">
      <a:majorFont>
        <a:latin typeface="Neo Sans Pro Black"/>
        <a:ea typeface=""/>
        <a:cs typeface=""/>
      </a:majorFont>
      <a:minorFont>
        <a:latin typeface="Neo Sans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FC7634"/>
        </a:solidFill>
        <a:ln w="9525" cap="flat" cmpd="sng" algn="ctr">
          <a:solidFill>
            <a:schemeClr val="accent6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845334050207241","enableDocumentContentUpdater":true,"version":"1.2"}]]></TemplafySlideTemplateConfiguration>
</file>

<file path=customXml/item4.xml><?xml version="1.0" encoding="utf-8"?>
<TemplafyTemplateConfiguration><![CDATA[{"elementsMetadata":[{"type":"shape","id":"9272185b-0c0f-4450-9f7b-f7adfa9ea6fa","elementConfiguration":{"binding":"UserProfile.Offices.Workarea_{{DocumentLanguage}}","disableUpdates":false,"type":"text"}},{"type":"shape","id":"d32bf00e-e52d-4939-b207-e00c35ca4ba4","elementConfiguration":{"binding":"Form.Date","format":"{{DateFormats.GeneralDate}}","disableUpdates":false,"type":"date"}},{"type":"shape","id":"e2c8bdd0-1d56-4fd1-b08c-23440e51670b","elementConfiguration":{"binding":"Form.PresentationTitle","disableUpdates":false,"type":"text"}},{"type":"shape","id":"08cd085c-4e32-4ded-b358-489fbbe06f02","elementConfiguration":{"binding":"UserProfile.Offices.Workarea_{{DocumentLanguage}}","disableUpdates":false,"type":"text"}},{"type":"shape","id":"ed9e3a9f-dc6d-49d0-90ed-13e235882155","elementConfiguration":{"binding":"Form.Date","format":"{{DateFormats.GeneralDate}}","disableUpdates":false,"type":"date"}},{"type":"shape","id":"6ae51645-d256-48a3-bd1d-e2ca0cb33c3d","elementConfiguration":{"binding":"Form.PresentationTitle","disableUpdates":false,"type":"text"}}],"transformationConfigurations":[{"language":"{{DocumentLanguage}}","disableUpdates":false,"type":"proofingLanguage"}],"templateName":"DTU Template 16_9 - Orange","templateDescription":"","enableDocumentContentUpdater":true,"version":"1.2"}]]></TemplafyTemplate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1d+SApcbuqCO9d3fPbE5wQ=="}]}]]></Templafy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64D4A5E75F0EF47B58F510E42304051" ma:contentTypeVersion="14" ma:contentTypeDescription="Opret et nyt dokument." ma:contentTypeScope="" ma:versionID="1b6dd861cb96d5a72179b2b73060b611">
  <xsd:schema xmlns:xsd="http://www.w3.org/2001/XMLSchema" xmlns:xs="http://www.w3.org/2001/XMLSchema" xmlns:p="http://schemas.microsoft.com/office/2006/metadata/properties" xmlns:ns3="0d529c6e-c61d-4189-b24b-ef43e42fca1d" xmlns:ns4="b3bb255e-666f-4086-bc68-7754e4d1c3c7" targetNamespace="http://schemas.microsoft.com/office/2006/metadata/properties" ma:root="true" ma:fieldsID="383bcb52ee210011cc94602588d555d2" ns3:_="" ns4:_="">
    <xsd:import namespace="0d529c6e-c61d-4189-b24b-ef43e42fca1d"/>
    <xsd:import namespace="b3bb255e-666f-4086-bc68-7754e4d1c3c7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529c6e-c61d-4189-b24b-ef43e42fca1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3bb255e-666f-4086-bc68-7754e4d1c3c7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E71A5EA-3E89-438B-88B3-B996A9703195}">
  <ds:schemaRefs/>
</ds:datastoreItem>
</file>

<file path=customXml/itemProps2.xml><?xml version="1.0" encoding="utf-8"?>
<ds:datastoreItem xmlns:ds="http://schemas.openxmlformats.org/officeDocument/2006/customXml" ds:itemID="{90EF66E2-B7C6-4E65-8D5E-3DC876850DE7}">
  <ds:schemaRefs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b3bb255e-666f-4086-bc68-7754e4d1c3c7"/>
    <ds:schemaRef ds:uri="http://purl.org/dc/elements/1.1/"/>
    <ds:schemaRef ds:uri="http://schemas.microsoft.com/office/2006/metadata/properties"/>
    <ds:schemaRef ds:uri="http://purl.org/dc/terms/"/>
    <ds:schemaRef ds:uri="0d529c6e-c61d-4189-b24b-ef43e42fca1d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C7926B03-2B90-4DE9-87C0-DD14A3ADC537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0927DFDC-E6EA-4514-AE05-12F0D64DCA67}">
  <ds:schemaRefs/>
</ds:datastoreItem>
</file>

<file path=customXml/itemProps6.xml><?xml version="1.0" encoding="utf-8"?>
<ds:datastoreItem xmlns:ds="http://schemas.openxmlformats.org/officeDocument/2006/customXml" ds:itemID="{54B24308-5AAF-4FCA-BFCA-CFF0F21CC704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91CC368D-1848-4F96-A352-C34F6066921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d529c6e-c61d-4189-b24b-ef43e42fca1d"/>
    <ds:schemaRef ds:uri="b3bb255e-666f-4086-bc68-7754e4d1c3c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6708</TotalTime>
  <Words>110</Words>
  <Application>Microsoft Office PowerPoint</Application>
  <PresentationFormat>Custom</PresentationFormat>
  <Paragraphs>18</Paragraphs>
  <Slides>9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6" baseType="lpstr">
      <vt:lpstr>Verdana</vt:lpstr>
      <vt:lpstr>Neo Sans Pro Black</vt:lpstr>
      <vt:lpstr>Neo Sans Pro</vt:lpstr>
      <vt:lpstr>Arial</vt:lpstr>
      <vt:lpstr>ＭＳ Ｐゴシック</vt:lpstr>
      <vt:lpstr>Wingdings</vt:lpstr>
      <vt:lpstr>Blank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Outside world and futur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ianne Rom Andersen</cp:lastModifiedBy>
  <cp:revision>318</cp:revision>
  <cp:lastPrinted>2023-04-03T10:36:48Z</cp:lastPrinted>
  <dcterms:created xsi:type="dcterms:W3CDTF">2017-07-31T08:31:56Z</dcterms:created>
  <dcterms:modified xsi:type="dcterms:W3CDTF">2023-06-23T09:40:41Z</dcterms:modified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10751925</vt:lpwstr>
  </property>
  <property fmtid="{D5CDD505-2E9C-101B-9397-08002B2CF9AE}" pid="5" name="TemplafyUserProfileId">
    <vt:lpwstr>636906473091976003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564D4A5E75F0EF47B58F510E42304051</vt:lpwstr>
  </property>
</Properties>
</file>